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theme/theme3.xml" ContentType="application/vnd.openxmlformats-officedocument.theme+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theme/theme4.xml" ContentType="application/vnd.openxmlformats-officedocument.theme+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5.xml" ContentType="application/vnd.openxmlformats-officedocument.theme+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theme/theme6.xml" ContentType="application/vnd.openxmlformats-officedocument.theme+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theme/theme7.xml" ContentType="application/vnd.openxmlformats-officedocument.theme+xml"/>
  <Override PartName="/ppt/theme/theme8.xml" ContentType="application/vnd.openxmlformats-officedocument.theme+xml"/>
  <Override PartName="/ppt/theme/theme9.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p:sldMasterIdLst>
    <p:sldMasterId id="2147483648" r:id="rId6"/>
    <p:sldMasterId id="2147483679" r:id="rId7"/>
    <p:sldMasterId id="2147483702" r:id="rId8"/>
    <p:sldMasterId id="2147483735" r:id="rId9"/>
    <p:sldMasterId id="2147483759" r:id="rId10"/>
    <p:sldMasterId id="2147483782" r:id="rId11"/>
    <p:sldMasterId id="2147483814" r:id="rId12"/>
  </p:sldMasterIdLst>
  <p:notesMasterIdLst>
    <p:notesMasterId r:id="rId33"/>
  </p:notesMasterIdLst>
  <p:handoutMasterIdLst>
    <p:handoutMasterId r:id="rId34"/>
  </p:handoutMasterIdLst>
  <p:sldIdLst>
    <p:sldId id="263" r:id="rId13"/>
    <p:sldId id="280" r:id="rId14"/>
    <p:sldId id="296" r:id="rId15"/>
    <p:sldId id="742" r:id="rId16"/>
    <p:sldId id="288" r:id="rId17"/>
    <p:sldId id="285" r:id="rId18"/>
    <p:sldId id="746" r:id="rId19"/>
    <p:sldId id="286" r:id="rId20"/>
    <p:sldId id="284" r:id="rId21"/>
    <p:sldId id="739" r:id="rId22"/>
    <p:sldId id="289" r:id="rId23"/>
    <p:sldId id="290" r:id="rId24"/>
    <p:sldId id="291" r:id="rId25"/>
    <p:sldId id="294" r:id="rId26"/>
    <p:sldId id="292" r:id="rId27"/>
    <p:sldId id="741" r:id="rId28"/>
    <p:sldId id="295" r:id="rId29"/>
    <p:sldId id="298" r:id="rId30"/>
    <p:sldId id="299" r:id="rId31"/>
    <p:sldId id="297" r:id="rId32"/>
  </p:sldIdLst>
  <p:sldSz cx="12188825" cy="6858000"/>
  <p:notesSz cx="6797675" cy="9926638"/>
  <p:embeddedFontLst>
    <p:embeddedFont>
      <p:font typeface="AU Passata" panose="020B0503030502030804" pitchFamily="34" charset="0"/>
      <p:regular r:id="rId35"/>
      <p:bold r:id="rId36"/>
    </p:embeddedFont>
    <p:embeddedFont>
      <p:font typeface="AU Passata Light" panose="020B0303030902030804" pitchFamily="34" charset="0"/>
      <p:regular r:id="rId37"/>
      <p:bold r:id="rId38"/>
    </p:embeddedFont>
    <p:embeddedFont>
      <p:font typeface="AU Peto" panose="040C0B07020602020301" pitchFamily="82" charset="0"/>
      <p:regular r:id="rId39"/>
      <p:bold r:id="rId40"/>
    </p:embeddedFont>
    <p:embeddedFont>
      <p:font typeface="DM Sans" pitchFamily="2" charset="0"/>
      <p:regular r:id="rId41"/>
      <p:bold r:id="rId42"/>
      <p:italic r:id="rId43"/>
      <p:boldItalic r:id="rId44"/>
    </p:embeddedFont>
    <p:embeddedFont>
      <p:font typeface="Georgia" panose="02040502050405020303" pitchFamily="18" charset="0"/>
      <p:regular r:id="rId45"/>
      <p:bold r:id="rId46"/>
      <p:italic r:id="rId47"/>
      <p:boldItalic r:id="rId48"/>
    </p:embeddedFont>
    <p:embeddedFont>
      <p:font typeface="Lato Light" panose="020F0302020204030203" pitchFamily="34" charset="0"/>
      <p:regular r:id="rId49"/>
      <p:italic r:id="rId50"/>
    </p:embeddedFont>
  </p:embeddedFontLst>
  <p:defaultTextStyle>
    <a:defPPr>
      <a:defRPr lang="en-US"/>
    </a:defPPr>
    <a:lvl1pPr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1pPr>
    <a:lvl2pPr marL="60949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2pPr>
    <a:lvl3pPr marL="1218987"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3pPr>
    <a:lvl4pPr marL="1828480"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4pPr>
    <a:lvl5pPr marL="243797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5pPr>
    <a:lvl6pPr marL="3047467" algn="l" defTabSz="1218987" rtl="0" eaLnBrk="1" latinLnBrk="0" hangingPunct="1">
      <a:defRPr sz="4799" kern="1200">
        <a:solidFill>
          <a:schemeClr val="tx1"/>
        </a:solidFill>
        <a:latin typeface="AU Passata" pitchFamily="34" charset="0"/>
        <a:ea typeface="+mn-ea"/>
        <a:cs typeface="+mn-cs"/>
      </a:defRPr>
    </a:lvl6pPr>
    <a:lvl7pPr marL="3656960" algn="l" defTabSz="1218987" rtl="0" eaLnBrk="1" latinLnBrk="0" hangingPunct="1">
      <a:defRPr sz="4799" kern="1200">
        <a:solidFill>
          <a:schemeClr val="tx1"/>
        </a:solidFill>
        <a:latin typeface="AU Passata" pitchFamily="34" charset="0"/>
        <a:ea typeface="+mn-ea"/>
        <a:cs typeface="+mn-cs"/>
      </a:defRPr>
    </a:lvl7pPr>
    <a:lvl8pPr marL="4266453" algn="l" defTabSz="1218987" rtl="0" eaLnBrk="1" latinLnBrk="0" hangingPunct="1">
      <a:defRPr sz="4799" kern="1200">
        <a:solidFill>
          <a:schemeClr val="tx1"/>
        </a:solidFill>
        <a:latin typeface="AU Passata" pitchFamily="34" charset="0"/>
        <a:ea typeface="+mn-ea"/>
        <a:cs typeface="+mn-cs"/>
      </a:defRPr>
    </a:lvl8pPr>
    <a:lvl9pPr marL="4875947" algn="l" defTabSz="1218987" rtl="0" eaLnBrk="1" latinLnBrk="0" hangingPunct="1">
      <a:defRPr sz="4799" kern="1200">
        <a:solidFill>
          <a:schemeClr val="tx1"/>
        </a:solidFill>
        <a:latin typeface="AU Passata"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127" userDrawn="1">
          <p15:clr>
            <a:srgbClr val="A4A3A4"/>
          </p15:clr>
        </p15:guide>
        <p15:guide id="2" pos="2141" userDrawn="1">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118224E-7D02-C62A-2D13-D310415F3D5F}" name="Louise Tornøe Johnsen" initials="LT" userId="S::au162961@uni.au.dk::e8e18e0a-3eaf-4479-aef3-0e4706684967" providerId="AD"/>
  <p188:author id="{DC1612C9-BCDB-C57C-B52E-72CE660B0EF8}" name="Laura Mikkelsen" initials="LM" userId="S::au457311@uni.au.dk::6dd1fcae-6b2e-4165-8e87-712ad3c5652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13664"/>
    <a:srgbClr val="2F325A"/>
    <a:srgbClr val="253055"/>
    <a:srgbClr val="0A1449"/>
    <a:srgbClr val="803F4F"/>
    <a:srgbClr val="4E3353"/>
    <a:srgbClr val="57395D"/>
    <a:srgbClr val="763D53"/>
    <a:srgbClr val="0F2945"/>
    <a:srgbClr val="423764"/>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940675A-B579-460E-94D1-54222C63F5DA}" styleName="Ingen typografi, tabelgitter">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3468" autoAdjust="0"/>
    <p:restoredTop sz="94660"/>
  </p:normalViewPr>
  <p:slideViewPr>
    <p:cSldViewPr snapToGrid="0">
      <p:cViewPr varScale="1">
        <p:scale>
          <a:sx n="105" d="100"/>
          <a:sy n="105" d="100"/>
        </p:scale>
        <p:origin x="1368" y="96"/>
      </p:cViewPr>
      <p:guideLst/>
    </p:cSldViewPr>
  </p:slideViewPr>
  <p:notesTextViewPr>
    <p:cViewPr>
      <p:scale>
        <a:sx n="1" d="1"/>
        <a:sy n="1" d="1"/>
      </p:scale>
      <p:origin x="0" y="0"/>
    </p:cViewPr>
  </p:notesTextViewPr>
  <p:notesViewPr>
    <p:cSldViewPr snapToGrid="0">
      <p:cViewPr>
        <p:scale>
          <a:sx n="1" d="2"/>
          <a:sy n="1" d="2"/>
        </p:scale>
        <p:origin x="0" y="0"/>
      </p:cViewPr>
      <p:guideLst>
        <p:guide orient="horz" pos="3127"/>
        <p:guide pos="2141"/>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9" Type="http://schemas.openxmlformats.org/officeDocument/2006/relationships/font" Target="fonts/font5.fntdata"/><Relationship Id="rId21" Type="http://schemas.openxmlformats.org/officeDocument/2006/relationships/slide" Target="slides/slide9.xml"/><Relationship Id="rId34" Type="http://schemas.openxmlformats.org/officeDocument/2006/relationships/handoutMaster" Target="handoutMasters/handoutMaster1.xml"/><Relationship Id="rId42" Type="http://schemas.openxmlformats.org/officeDocument/2006/relationships/font" Target="fonts/font8.fntdata"/><Relationship Id="rId47" Type="http://schemas.openxmlformats.org/officeDocument/2006/relationships/font" Target="fonts/font13.fntdata"/><Relationship Id="rId50" Type="http://schemas.openxmlformats.org/officeDocument/2006/relationships/font" Target="fonts/font16.fntdata"/><Relationship Id="rId55" Type="http://schemas.microsoft.com/office/2018/10/relationships/authors" Target="authors.xml"/><Relationship Id="rId7" Type="http://schemas.openxmlformats.org/officeDocument/2006/relationships/slideMaster" Target="slideMasters/slideMaster2.xml"/><Relationship Id="rId2" Type="http://schemas.openxmlformats.org/officeDocument/2006/relationships/customXml" Target="../customXml/item2.xml"/><Relationship Id="rId16" Type="http://schemas.openxmlformats.org/officeDocument/2006/relationships/slide" Target="slides/slide4.xml"/><Relationship Id="rId29" Type="http://schemas.openxmlformats.org/officeDocument/2006/relationships/slide" Target="slides/slide17.xml"/><Relationship Id="rId11" Type="http://schemas.openxmlformats.org/officeDocument/2006/relationships/slideMaster" Target="slideMasters/slideMaster6.xml"/><Relationship Id="rId24" Type="http://schemas.openxmlformats.org/officeDocument/2006/relationships/slide" Target="slides/slide12.xml"/><Relationship Id="rId32" Type="http://schemas.openxmlformats.org/officeDocument/2006/relationships/slide" Target="slides/slide20.xml"/><Relationship Id="rId37" Type="http://schemas.openxmlformats.org/officeDocument/2006/relationships/font" Target="fonts/font3.fntdata"/><Relationship Id="rId40" Type="http://schemas.openxmlformats.org/officeDocument/2006/relationships/font" Target="fonts/font6.fntdata"/><Relationship Id="rId45" Type="http://schemas.openxmlformats.org/officeDocument/2006/relationships/font" Target="fonts/font11.fntdata"/><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slideMaster" Target="slideMasters/slideMaster5.xml"/><Relationship Id="rId19" Type="http://schemas.openxmlformats.org/officeDocument/2006/relationships/slide" Target="slides/slide7.xml"/><Relationship Id="rId31" Type="http://schemas.openxmlformats.org/officeDocument/2006/relationships/slide" Target="slides/slide19.xml"/><Relationship Id="rId44" Type="http://schemas.openxmlformats.org/officeDocument/2006/relationships/font" Target="fonts/font10.fntdata"/><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Master" Target="slideMasters/slideMaster4.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font" Target="fonts/font1.fntdata"/><Relationship Id="rId43" Type="http://schemas.openxmlformats.org/officeDocument/2006/relationships/font" Target="fonts/font9.fntdata"/><Relationship Id="rId48" Type="http://schemas.openxmlformats.org/officeDocument/2006/relationships/font" Target="fonts/font14.fntdata"/><Relationship Id="rId8" Type="http://schemas.openxmlformats.org/officeDocument/2006/relationships/slideMaster" Target="slideMasters/slideMaster3.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slideMaster" Target="slideMasters/slideMaster7.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notesMaster" Target="notesMasters/notesMaster1.xml"/><Relationship Id="rId38" Type="http://schemas.openxmlformats.org/officeDocument/2006/relationships/font" Target="fonts/font4.fntdata"/><Relationship Id="rId46" Type="http://schemas.openxmlformats.org/officeDocument/2006/relationships/font" Target="fonts/font12.fntdata"/><Relationship Id="rId20" Type="http://schemas.openxmlformats.org/officeDocument/2006/relationships/slide" Target="slides/slide8.xml"/><Relationship Id="rId41" Type="http://schemas.openxmlformats.org/officeDocument/2006/relationships/font" Target="fonts/font7.fntdata"/><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slideMaster" Target="slideMasters/slideMaster1.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font" Target="fonts/font2.fntdata"/><Relationship Id="rId49" Type="http://schemas.openxmlformats.org/officeDocument/2006/relationships/font" Target="fonts/font15.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9.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9938" name="Rectangle 2"/>
          <p:cNvSpPr>
            <a:spLocks noGrp="1" noChangeArrowheads="1"/>
          </p:cNvSpPr>
          <p:nvPr>
            <p:ph type="hdr" sz="quarter"/>
          </p:nvPr>
        </p:nvSpPr>
        <p:spPr bwMode="auto">
          <a:xfrm>
            <a:off x="0" y="0"/>
            <a:ext cx="2945659" cy="496332"/>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nSpc>
                <a:spcPct val="100000"/>
              </a:lnSpc>
              <a:buFontTx/>
              <a:buNone/>
              <a:defRPr sz="1200"/>
            </a:lvl1pPr>
          </a:lstStyle>
          <a:p>
            <a:pPr>
              <a:defRPr/>
            </a:pPr>
            <a:endParaRPr lang="en-GB"/>
          </a:p>
        </p:txBody>
      </p:sp>
      <p:sp>
        <p:nvSpPr>
          <p:cNvPr id="39939" name="Rectangle 3"/>
          <p:cNvSpPr>
            <a:spLocks noGrp="1" noChangeArrowheads="1"/>
          </p:cNvSpPr>
          <p:nvPr>
            <p:ph type="dt" sz="quarter" idx="1"/>
          </p:nvPr>
        </p:nvSpPr>
        <p:spPr bwMode="auto">
          <a:xfrm>
            <a:off x="3850443" y="0"/>
            <a:ext cx="2945659" cy="496332"/>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lnSpc>
                <a:spcPct val="100000"/>
              </a:lnSpc>
              <a:buFontTx/>
              <a:buNone/>
              <a:defRPr sz="1200"/>
            </a:lvl1pPr>
          </a:lstStyle>
          <a:p>
            <a:pPr>
              <a:defRPr/>
            </a:pPr>
            <a:endParaRPr lang="en-GB"/>
          </a:p>
        </p:txBody>
      </p:sp>
      <p:sp>
        <p:nvSpPr>
          <p:cNvPr id="39940" name="Rectangle 4"/>
          <p:cNvSpPr>
            <a:spLocks noGrp="1" noChangeArrowheads="1"/>
          </p:cNvSpPr>
          <p:nvPr>
            <p:ph type="ftr" sz="quarter" idx="2"/>
          </p:nvPr>
        </p:nvSpPr>
        <p:spPr bwMode="auto">
          <a:xfrm>
            <a:off x="0" y="9428583"/>
            <a:ext cx="2945659" cy="496332"/>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nSpc>
                <a:spcPct val="100000"/>
              </a:lnSpc>
              <a:buFontTx/>
              <a:buNone/>
              <a:defRPr sz="1200"/>
            </a:lvl1pPr>
          </a:lstStyle>
          <a:p>
            <a:pPr>
              <a:defRPr/>
            </a:pPr>
            <a:endParaRPr lang="en-GB"/>
          </a:p>
        </p:txBody>
      </p:sp>
      <p:sp>
        <p:nvSpPr>
          <p:cNvPr id="39941" name="Rectangle 5"/>
          <p:cNvSpPr>
            <a:spLocks noGrp="1" noChangeArrowheads="1"/>
          </p:cNvSpPr>
          <p:nvPr>
            <p:ph type="sldNum" sz="quarter" idx="3"/>
          </p:nvPr>
        </p:nvSpPr>
        <p:spPr bwMode="auto">
          <a:xfrm>
            <a:off x="3850443" y="9428583"/>
            <a:ext cx="2945659" cy="496332"/>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gn="r">
              <a:lnSpc>
                <a:spcPct val="100000"/>
              </a:lnSpc>
              <a:buFontTx/>
              <a:buNone/>
              <a:defRPr sz="1200"/>
            </a:lvl1pPr>
          </a:lstStyle>
          <a:p>
            <a:pPr>
              <a:defRPr/>
            </a:pPr>
            <a:fld id="{88DF0C21-DE6B-488F-B9D9-B7FE08733B70}" type="slidenum">
              <a:rPr lang="en-GB"/>
              <a:pPr>
                <a:defRPr/>
              </a:pPr>
              <a:t>‹#›</a:t>
            </a:fld>
            <a:endParaRPr lang="en-GB"/>
          </a:p>
        </p:txBody>
      </p:sp>
    </p:spTree>
    <p:extLst>
      <p:ext uri="{BB962C8B-B14F-4D97-AF65-F5344CB8AC3E}">
        <p14:creationId xmlns:p14="http://schemas.microsoft.com/office/powerpoint/2010/main" val="71580509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8.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098" name="Rectangle 2"/>
          <p:cNvSpPr>
            <a:spLocks noGrp="1" noChangeArrowheads="1"/>
          </p:cNvSpPr>
          <p:nvPr>
            <p:ph type="hdr" sz="quarter"/>
          </p:nvPr>
        </p:nvSpPr>
        <p:spPr bwMode="auto">
          <a:xfrm>
            <a:off x="0" y="0"/>
            <a:ext cx="2945659" cy="496332"/>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nSpc>
                <a:spcPct val="100000"/>
              </a:lnSpc>
              <a:buFontTx/>
              <a:buNone/>
              <a:defRPr sz="1200"/>
            </a:lvl1pPr>
          </a:lstStyle>
          <a:p>
            <a:pPr>
              <a:defRPr/>
            </a:pPr>
            <a:endParaRPr lang="en-GB"/>
          </a:p>
        </p:txBody>
      </p:sp>
      <p:sp>
        <p:nvSpPr>
          <p:cNvPr id="4099" name="Rectangle 3"/>
          <p:cNvSpPr>
            <a:spLocks noGrp="1" noChangeArrowheads="1"/>
          </p:cNvSpPr>
          <p:nvPr>
            <p:ph type="dt" idx="1"/>
          </p:nvPr>
        </p:nvSpPr>
        <p:spPr bwMode="auto">
          <a:xfrm>
            <a:off x="3850443" y="0"/>
            <a:ext cx="2945659" cy="496332"/>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lnSpc>
                <a:spcPct val="100000"/>
              </a:lnSpc>
              <a:buFontTx/>
              <a:buNone/>
              <a:defRPr sz="1200"/>
            </a:lvl1pPr>
          </a:lstStyle>
          <a:p>
            <a:pPr>
              <a:defRPr/>
            </a:pPr>
            <a:endParaRPr lang="en-GB"/>
          </a:p>
        </p:txBody>
      </p:sp>
      <p:sp>
        <p:nvSpPr>
          <p:cNvPr id="7172" name="Rectangle 4"/>
          <p:cNvSpPr>
            <a:spLocks noGrp="1" noRot="1" noChangeAspect="1" noChangeArrowheads="1" noTextEdit="1"/>
          </p:cNvSpPr>
          <p:nvPr>
            <p:ph type="sldImg" idx="2"/>
          </p:nvPr>
        </p:nvSpPr>
        <p:spPr bwMode="auto">
          <a:xfrm>
            <a:off x="92075" y="744538"/>
            <a:ext cx="6613525" cy="3722687"/>
          </a:xfrm>
          <a:prstGeom prst="rect">
            <a:avLst/>
          </a:prstGeom>
          <a:noFill/>
          <a:ln w="9525">
            <a:solidFill>
              <a:srgbClr val="000000"/>
            </a:solidFill>
            <a:miter lim="800000"/>
            <a:headEnd/>
            <a:tailEnd/>
          </a:ln>
        </p:spPr>
      </p:sp>
      <p:sp>
        <p:nvSpPr>
          <p:cNvPr id="4101" name="Rectangle 5"/>
          <p:cNvSpPr>
            <a:spLocks noGrp="1" noChangeArrowheads="1"/>
          </p:cNvSpPr>
          <p:nvPr>
            <p:ph type="body" sz="quarter" idx="3"/>
          </p:nvPr>
        </p:nvSpPr>
        <p:spPr bwMode="auto">
          <a:xfrm>
            <a:off x="679768" y="4715153"/>
            <a:ext cx="5438140" cy="4466987"/>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102" name="Rectangle 6"/>
          <p:cNvSpPr>
            <a:spLocks noGrp="1" noChangeArrowheads="1"/>
          </p:cNvSpPr>
          <p:nvPr>
            <p:ph type="ftr" sz="quarter" idx="4"/>
          </p:nvPr>
        </p:nvSpPr>
        <p:spPr bwMode="auto">
          <a:xfrm>
            <a:off x="0" y="9428583"/>
            <a:ext cx="2945659" cy="496332"/>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nSpc>
                <a:spcPct val="100000"/>
              </a:lnSpc>
              <a:buFontTx/>
              <a:buNone/>
              <a:defRPr sz="1200"/>
            </a:lvl1pPr>
          </a:lstStyle>
          <a:p>
            <a:pPr>
              <a:defRPr/>
            </a:pPr>
            <a:endParaRPr lang="en-GB"/>
          </a:p>
        </p:txBody>
      </p:sp>
      <p:sp>
        <p:nvSpPr>
          <p:cNvPr id="4103" name="Rectangle 7"/>
          <p:cNvSpPr>
            <a:spLocks noGrp="1" noChangeArrowheads="1"/>
          </p:cNvSpPr>
          <p:nvPr>
            <p:ph type="sldNum" sz="quarter" idx="5"/>
          </p:nvPr>
        </p:nvSpPr>
        <p:spPr bwMode="auto">
          <a:xfrm>
            <a:off x="3850443" y="9428583"/>
            <a:ext cx="2945659" cy="496332"/>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gn="r">
              <a:lnSpc>
                <a:spcPct val="100000"/>
              </a:lnSpc>
              <a:buFontTx/>
              <a:buNone/>
              <a:defRPr sz="1200"/>
            </a:lvl1pPr>
          </a:lstStyle>
          <a:p>
            <a:pPr>
              <a:defRPr/>
            </a:pPr>
            <a:fld id="{72C160C3-3AB6-49C1-8001-AFDAD271EB5B}" type="slidenum">
              <a:rPr lang="en-GB"/>
              <a:pPr>
                <a:defRPr/>
              </a:pPr>
              <a:t>‹#›</a:t>
            </a:fld>
            <a:endParaRPr lang="en-GB"/>
          </a:p>
        </p:txBody>
      </p:sp>
    </p:spTree>
    <p:extLst>
      <p:ext uri="{BB962C8B-B14F-4D97-AF65-F5344CB8AC3E}">
        <p14:creationId xmlns:p14="http://schemas.microsoft.com/office/powerpoint/2010/main" val="2445039067"/>
      </p:ext>
    </p:extLst>
  </p:cSld>
  <p:clrMap bg1="lt1" tx1="dk1" bg2="lt2" tx2="dk2" accent1="accent1" accent2="accent2" accent3="accent3" accent4="accent4" accent5="accent5" accent6="accent6" hlink="hlink" folHlink="folHlink"/>
  <p:notesStyle>
    <a:lvl1pPr algn="l" rtl="0" eaLnBrk="0" fontAlgn="base" hangingPunct="0">
      <a:spcBef>
        <a:spcPct val="30000"/>
      </a:spcBef>
      <a:spcAft>
        <a:spcPct val="0"/>
      </a:spcAft>
      <a:defRPr sz="1600" kern="1200">
        <a:solidFill>
          <a:schemeClr val="tx1"/>
        </a:solidFill>
        <a:latin typeface="AU Passata" pitchFamily="34" charset="0"/>
        <a:ea typeface="+mn-ea"/>
        <a:cs typeface="Arial" charset="0"/>
      </a:defRPr>
    </a:lvl1pPr>
    <a:lvl2pPr marL="609493" algn="l" rtl="0" eaLnBrk="0" fontAlgn="base" hangingPunct="0">
      <a:spcBef>
        <a:spcPct val="30000"/>
      </a:spcBef>
      <a:spcAft>
        <a:spcPct val="0"/>
      </a:spcAft>
      <a:defRPr sz="1600" kern="1200">
        <a:solidFill>
          <a:schemeClr val="tx1"/>
        </a:solidFill>
        <a:latin typeface="AU Passata" pitchFamily="34" charset="0"/>
        <a:ea typeface="+mn-ea"/>
        <a:cs typeface="Arial" charset="0"/>
      </a:defRPr>
    </a:lvl2pPr>
    <a:lvl3pPr marL="1218987" algn="l" rtl="0" eaLnBrk="0" fontAlgn="base" hangingPunct="0">
      <a:spcBef>
        <a:spcPct val="30000"/>
      </a:spcBef>
      <a:spcAft>
        <a:spcPct val="0"/>
      </a:spcAft>
      <a:defRPr sz="1600" kern="1200">
        <a:solidFill>
          <a:schemeClr val="tx1"/>
        </a:solidFill>
        <a:latin typeface="AU Passata" pitchFamily="34" charset="0"/>
        <a:ea typeface="+mn-ea"/>
        <a:cs typeface="Arial" charset="0"/>
      </a:defRPr>
    </a:lvl3pPr>
    <a:lvl4pPr marL="1828480" algn="l" rtl="0" eaLnBrk="0" fontAlgn="base" hangingPunct="0">
      <a:spcBef>
        <a:spcPct val="30000"/>
      </a:spcBef>
      <a:spcAft>
        <a:spcPct val="0"/>
      </a:spcAft>
      <a:defRPr sz="1600" kern="1200">
        <a:solidFill>
          <a:schemeClr val="tx1"/>
        </a:solidFill>
        <a:latin typeface="AU Passata" pitchFamily="34" charset="0"/>
        <a:ea typeface="+mn-ea"/>
        <a:cs typeface="Arial" charset="0"/>
      </a:defRPr>
    </a:lvl4pPr>
    <a:lvl5pPr marL="2437973" algn="l" rtl="0" eaLnBrk="0" fontAlgn="base" hangingPunct="0">
      <a:spcBef>
        <a:spcPct val="30000"/>
      </a:spcBef>
      <a:spcAft>
        <a:spcPct val="0"/>
      </a:spcAft>
      <a:defRPr sz="1600" kern="1200">
        <a:solidFill>
          <a:schemeClr val="tx1"/>
        </a:solidFill>
        <a:latin typeface="AU Passata" pitchFamily="34" charset="0"/>
        <a:ea typeface="+mn-ea"/>
        <a:cs typeface="Arial" charset="0"/>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515060-0026-1348-1519-F925AF52D7BB}"/>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4CC13DFF-71C0-6BC1-C0D8-23D0D6180FDB}"/>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62428602-FE60-5A13-F30A-8A6DBA1C757C}"/>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FB08C547-80D4-E7D2-E5A1-3B2B6989F3DD}"/>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72C160C3-3AB6-49C1-8001-AFDAD271EB5B}"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391649631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66A252-8326-1EC2-081B-C0091B79ECBC}"/>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D0F90B92-94A0-B723-9CBD-97AE56491632}"/>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4B588546-21F8-6C25-639B-46DFABF1E748}"/>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09957995-64BE-EB94-2EE3-7CE314EFC187}"/>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0</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374224811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9525AF-CCBC-C118-4CB5-A6079CC4EB26}"/>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434BFCA1-1314-9DAE-7DC9-650EF2F5FA9F}"/>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A01127C2-6211-06B1-3708-A092953A70C4}"/>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9F476496-F752-2301-34F0-E2973FF22C01}"/>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1</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348754669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D61396-1239-B48D-A1FC-E5A9AE0EE805}"/>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687B5DAA-5289-75C9-1569-46C03D1C8242}"/>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51FE387A-1FC9-12A3-4E37-95A0249D0D3A}"/>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1773949E-0154-442B-27CC-593EE9B7C764}"/>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2</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383149209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C1F69CF-A95C-026A-4FBB-C546E222318D}"/>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2E7F3AAF-6767-25B2-3EA4-089E70AA8C6E}"/>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63E2EE8F-6545-C9C1-2F58-DE9D735C40FE}"/>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BEFC1081-3F6A-24BC-1260-80C5FC63B977}"/>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3</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399981708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E684A4-8BAF-905D-909C-0D0FF1D2E34E}"/>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C4E8DAF6-963A-062A-2313-29F86744A4DF}"/>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16D5B545-71A4-F252-20F4-F5AD95AED34D}"/>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3AEBD1B5-11D2-D454-92B1-BA81887E61BB}"/>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4</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179235732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39494D-B8C5-2705-12CA-79FAF652FDE2}"/>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792EB949-84BF-C9CC-ADA0-0F78D6514A3F}"/>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468A838B-1AB2-43DD-00D1-292CD919B428}"/>
              </a:ext>
            </a:extLst>
          </p:cNvPr>
          <p:cNvSpPr>
            <a:spLocks noGrp="1"/>
          </p:cNvSpPr>
          <p:nvPr>
            <p:ph type="body" idx="1"/>
          </p:nvPr>
        </p:nvSpPr>
        <p:spPr/>
        <p:txBody>
          <a:bodyPr/>
          <a:lstStyle/>
          <a:p>
            <a:r>
              <a:rPr lang="da-DK"/>
              <a:t>Kontinuerlig opfølgning er en fast rytme for refleksion, læring og justering af det strategiske arbejde.</a:t>
            </a:r>
            <a:br>
              <a:rPr lang="da-DK"/>
            </a:br>
            <a:r>
              <a:rPr lang="da-DK"/>
              <a:t>Det handler om at skabe et fælles rum, hvor </a:t>
            </a:r>
            <a:r>
              <a:rPr lang="da-DK" b="1"/>
              <a:t>de relevante ledelses- og medarbejderfora</a:t>
            </a:r>
            <a:r>
              <a:rPr lang="da-DK"/>
              <a:t> jævnligt drøfter:</a:t>
            </a:r>
          </a:p>
          <a:p>
            <a:r>
              <a:rPr lang="da-DK"/>
              <a:t>om strategien fortsat er relevant og skaber bevægelse i den ønskede retning,</a:t>
            </a:r>
          </a:p>
          <a:p>
            <a:r>
              <a:rPr lang="da-DK"/>
              <a:t>hvilke erfaringer og resultater der er gjort siden sidst,</a:t>
            </a:r>
          </a:p>
          <a:p>
            <a:r>
              <a:rPr lang="da-DK"/>
              <a:t>og hvor der er behov for justeringer eller nye prioriteringer.</a:t>
            </a:r>
          </a:p>
          <a:p>
            <a:r>
              <a:rPr lang="da-DK"/>
              <a:t>Samtidig handler det om at </a:t>
            </a:r>
            <a:r>
              <a:rPr lang="da-DK" b="1"/>
              <a:t>holde strategien levende i hverdagen</a:t>
            </a:r>
            <a:r>
              <a:rPr lang="da-DK"/>
              <a:t> – at bruge den som kompas for beslutninger og prioriteringer i det daglige arbejde.</a:t>
            </a:r>
            <a:br>
              <a:rPr lang="da-DK"/>
            </a:br>
            <a:r>
              <a:rPr lang="da-DK"/>
              <a:t>Det kaldes </a:t>
            </a:r>
            <a:r>
              <a:rPr lang="da-DK" i="1"/>
              <a:t>hverdagsprioritering</a:t>
            </a:r>
            <a:r>
              <a:rPr lang="da-DK"/>
              <a:t>: den løbende praksis, hvor strategien oversættes til konkrete valg, dialoger og handlinger på alle niveauer i organisationen.</a:t>
            </a:r>
          </a:p>
          <a:p>
            <a:endParaRPr lang="en-GB"/>
          </a:p>
        </p:txBody>
      </p:sp>
      <p:sp>
        <p:nvSpPr>
          <p:cNvPr id="4" name="Pladsholder til slidenummer 3">
            <a:extLst>
              <a:ext uri="{FF2B5EF4-FFF2-40B4-BE49-F238E27FC236}">
                <a16:creationId xmlns:a16="http://schemas.microsoft.com/office/drawing/2014/main" id="{60EC12ED-3765-3D24-1A2E-89C3381DBE0A}"/>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5</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296221229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FEB3E39-414D-125A-4967-2929DE317C11}"/>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5E1F471F-B360-C8F7-3D84-3D3CE2F09426}"/>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8F7A5C68-2CE9-D3B2-B606-6054B9EC1194}"/>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31937422-28D6-6A8F-F9E9-CBE806FECB65}"/>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6</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406014222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096D05-2691-1523-E593-C5AC0B725655}"/>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74DBF35F-E87D-F2F9-CD8E-2DB4924467F9}"/>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75337890-BDF2-B02F-2F22-D312984433FB}"/>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13806911-AC51-6C06-D622-E1903CEDE88D}"/>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7</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140131584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E93C04-7DFE-E0AD-FFEB-950842EE33E8}"/>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0B2DF47A-C904-4A76-C1D9-18AB8E4FA852}"/>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7F11B135-7967-7213-B414-2EF84D048292}"/>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7F9ABC8B-0E72-F703-1522-8254624E0C7D}"/>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8</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202120256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3179EA-D685-9058-4C32-2314537F4296}"/>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298707D3-B5DA-2452-7DE5-35DE9A4DEC6D}"/>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175CB3F5-4D2F-8AEC-FC13-06D01217609E}"/>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56FA6D16-1CB9-6948-3DE2-084A2CDD60D4}"/>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9</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254009743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CDB415A-471E-108B-6E82-8D5999F78FC9}"/>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B6AE0811-0640-8DED-0F28-3A4A90BCB30D}"/>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BCD42571-52C2-BF47-AD10-E3457961DB00}"/>
              </a:ext>
            </a:extLst>
          </p:cNvPr>
          <p:cNvSpPr>
            <a:spLocks noGrp="1"/>
          </p:cNvSpPr>
          <p:nvPr>
            <p:ph type="body" idx="1"/>
          </p:nvPr>
        </p:nvSpPr>
        <p:spPr/>
        <p:txBody>
          <a:bodyPr/>
          <a:lstStyle/>
          <a:p>
            <a:endParaRPr lang="da-DK" dirty="0"/>
          </a:p>
        </p:txBody>
      </p:sp>
      <p:sp>
        <p:nvSpPr>
          <p:cNvPr id="4" name="Pladsholder til slidenummer 3">
            <a:extLst>
              <a:ext uri="{FF2B5EF4-FFF2-40B4-BE49-F238E27FC236}">
                <a16:creationId xmlns:a16="http://schemas.microsoft.com/office/drawing/2014/main" id="{B10603D5-065E-2FCA-B3F9-C7F7F1AFE4D5}"/>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72C160C3-3AB6-49C1-8001-AFDAD271EB5B}"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2</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165888411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ABA1FF2-71ED-13BB-4D83-E34C2D9BF58A}"/>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4474532B-C4C5-E741-5AF3-29EE786FCE1F}"/>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119F1673-50E4-018D-960C-2B64925A6A8E}"/>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D77CEB3A-2512-C4C2-D66C-110C9A33EF1D}"/>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72C160C3-3AB6-49C1-8001-AFDAD271EB5B}"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20</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369591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C684F18-9684-326E-147D-32B018239BB9}"/>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6BC807E9-6477-22A2-E31C-CC08820239DF}"/>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51F3F50A-8771-FE09-B6C0-0C4184DE33F0}"/>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D0B8DDD6-F2A6-BA66-C69B-6D80D5E3560C}"/>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3</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279335706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72C160C3-3AB6-49C1-8001-AFDAD271EB5B}"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4</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122530324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8E2BF1-8410-CCCC-985F-595D0E0B1756}"/>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9A752388-9CCF-820F-66A6-493EF1107056}"/>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1ECB7F86-24D1-D4D1-005F-F274141B1146}"/>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F233B0D7-96B0-5333-C622-6D68FDA3C8CE}"/>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5</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317136182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97F955E-A796-419E-28D3-D24A5EF07C16}"/>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B95E8801-BA50-FBC6-1A6B-218F862C83A6}"/>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C2DF274B-D8AE-571E-403E-DFE8F7F1D2E5}"/>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398FF49B-97BD-BF69-374E-FB487EDFF841}"/>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6</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78147476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412CFDE-C18A-82F7-F360-AF0A547534E6}"/>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3A0C5C61-2721-AA37-DC67-691F8C834137}"/>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D2EFE98B-EC69-928C-46AF-AE3B76CAFDE7}"/>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1E0DF0D5-273A-98B3-275F-3551D06DC9AE}"/>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7</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261221820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DFD395-259F-E96D-543A-88A50E23181C}"/>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56C0D342-A673-FED9-06B5-444EF766E702}"/>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ADE7FE29-9A86-712B-A8DD-1DDCAEE9B137}"/>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A1ACEC71-06C5-6474-B128-A72659A564DC}"/>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8</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389250069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F610FE9-BABB-8329-EB24-1AAEE8C347DD}"/>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2729C018-8670-9380-8F42-2E1DF6CB6095}"/>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A0E708EB-25B5-B570-3D8C-153E9613A001}"/>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F31379B0-305A-1EA0-994E-404F2ED4498A}"/>
              </a:ext>
            </a:extLst>
          </p:cNvPr>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96D6B29E-05C8-4BD8-9CBF-1E59ED3C89F8}" type="slidenum">
              <a:rPr kumimoji="0" lang="en-GB" sz="1200" b="0" i="0" u="none" strike="noStrike" kern="1200" cap="none" spc="0" normalizeH="0" baseline="0" noProof="0" smtClean="0">
                <a:ln>
                  <a:noFill/>
                </a:ln>
                <a:solidFill>
                  <a:srgbClr val="000000"/>
                </a:solidFill>
                <a:effectLst/>
                <a:uLnTx/>
                <a:uFillTx/>
                <a:latin typeface="AU Passata" pitchFamily="34"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9</a:t>
            </a:fld>
            <a:endParaRPr kumimoji="0" lang="en-GB" sz="12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275239926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4.emf"/><Relationship Id="rId4" Type="http://schemas.openxmlformats.org/officeDocument/2006/relationships/image" Target="../media/image6.emf"/></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07.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5.xml"/></Relationships>
</file>

<file path=ppt/slideLayouts/_rels/slideLayout108.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5.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12.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5.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14.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slideMaster" Target="../slideMasters/slideMaster5.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5.xml"/><Relationship Id="rId5" Type="http://schemas.openxmlformats.org/officeDocument/2006/relationships/image" Target="../media/image2.emf"/><Relationship Id="rId4" Type="http://schemas.openxmlformats.org/officeDocument/2006/relationships/image" Target="../media/image6.emf"/></Relationships>
</file>

<file path=ppt/slideLayouts/_rels/slideLayout116.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6.xml"/></Relationships>
</file>

<file path=ppt/slideLayouts/_rels/slideLayout117.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6.xml"/></Relationships>
</file>

<file path=ppt/slideLayouts/_rels/slideLayout118.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6.xml"/></Relationships>
</file>

<file path=ppt/slideLayouts/_rels/slideLayout11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1.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6.xml"/><Relationship Id="rId4" Type="http://schemas.openxmlformats.org/officeDocument/2006/relationships/image" Target="../media/image4.emf"/></Relationships>
</file>

<file path=ppt/slideLayouts/_rels/slideLayout132.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6.xml"/><Relationship Id="rId4" Type="http://schemas.openxmlformats.org/officeDocument/2006/relationships/image" Target="../media/image4.emf"/></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4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4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43.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6.xml"/><Relationship Id="rId4" Type="http://schemas.openxmlformats.org/officeDocument/2006/relationships/image" Target="../media/image4.emf"/></Relationships>
</file>

<file path=ppt/slideLayouts/_rels/slideLayout144.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slideMaster" Target="../slideMasters/slideMaster6.xml"/></Relationships>
</file>

<file path=ppt/slideLayouts/_rels/slideLayout145.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6.xml"/></Relationships>
</file>

<file path=ppt/slideLayouts/_rels/slideLayout14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47.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148.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149.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6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62.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7.xml"/><Relationship Id="rId4" Type="http://schemas.openxmlformats.org/officeDocument/2006/relationships/image" Target="../media/image4.emf"/></Relationships>
</file>

<file path=ppt/slideLayouts/_rels/slideLayout163.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7.xml"/><Relationship Id="rId4" Type="http://schemas.openxmlformats.org/officeDocument/2006/relationships/image" Target="../media/image4.emf"/></Relationships>
</file>

<file path=ppt/slideLayouts/_rels/slideLayout16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6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6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6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6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6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7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7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7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74.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7.xml"/><Relationship Id="rId4" Type="http://schemas.openxmlformats.org/officeDocument/2006/relationships/image" Target="../media/image4.emf"/></Relationships>
</file>

<file path=ppt/slideLayouts/_rels/slideLayout175.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slideMaster" Target="../slideMasters/slideMaster7.xml"/></Relationships>
</file>

<file path=ppt/slideLayouts/_rels/slideLayout176.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7.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78.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5.png"/><Relationship Id="rId1" Type="http://schemas.openxmlformats.org/officeDocument/2006/relationships/slideMaster" Target="../slideMasters/slideMaster7.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1.xml"/><Relationship Id="rId4" Type="http://schemas.openxmlformats.org/officeDocument/2006/relationships/image" Target="../media/image4.emf"/></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1.xml"/><Relationship Id="rId4" Type="http://schemas.openxmlformats.org/officeDocument/2006/relationships/image" Target="../media/image4.emf"/></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2.xml"/><Relationship Id="rId5" Type="http://schemas.openxmlformats.org/officeDocument/2006/relationships/image" Target="../media/image2.emf"/><Relationship Id="rId4" Type="http://schemas.openxmlformats.org/officeDocument/2006/relationships/image" Target="../media/image6.emf"/></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3.xml"/><Relationship Id="rId4" Type="http://schemas.openxmlformats.org/officeDocument/2006/relationships/image" Target="../media/image4.emf"/></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3.xml"/><Relationship Id="rId4" Type="http://schemas.openxmlformats.org/officeDocument/2006/relationships/image" Target="../media/image4.emf"/></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3.xml"/><Relationship Id="rId4" Type="http://schemas.openxmlformats.org/officeDocument/2006/relationships/image" Target="../media/image4.emf"/></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5.png"/><Relationship Id="rId1" Type="http://schemas.openxmlformats.org/officeDocument/2006/relationships/slideMaster" Target="../slideMasters/slideMaster4.xml"/><Relationship Id="rId4" Type="http://schemas.openxmlformats.org/officeDocument/2006/relationships/image" Target="../media/image6.emf"/></Relationships>
</file>

<file path=ppt/slideLayouts/_rels/slideLayout75.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76.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6.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4.xml"/></Relationships>
</file>

<file path=ppt/slideLayouts/_rels/slideLayout87.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4.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1.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4.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3.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slideMaster" Target="../slideMasters/slideMaster4.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5.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5.png"/><Relationship Id="rId1" Type="http://schemas.openxmlformats.org/officeDocument/2006/relationships/slideMaster" Target="../slideMasters/slideMaster5.xml"/></Relationships>
</file>

<file path=ppt/slideLayouts/_rels/slideLayout96.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97.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dias">
    <p:spTree>
      <p:nvGrpSpPr>
        <p:cNvPr id="1" name=""/>
        <p:cNvGrpSpPr/>
        <p:nvPr/>
      </p:nvGrpSpPr>
      <p:grpSpPr>
        <a:xfrm>
          <a:off x="0" y="0"/>
          <a:ext cx="0" cy="0"/>
          <a:chOff x="0" y="0"/>
          <a:chExt cx="0" cy="0"/>
        </a:xfrm>
      </p:grpSpPr>
      <p:sp>
        <p:nvSpPr>
          <p:cNvPr id="2" name="Date Placeholder 1" hidden="1"/>
          <p:cNvSpPr>
            <a:spLocks noGrp="1" noRot="1" noMove="1" noResize="1" noEditPoints="1" noAdjustHandles="1" noChangeArrowheads="1" noChangeShapeType="1"/>
          </p:cNvSpPr>
          <p:nvPr>
            <p:ph type="dt" sz="half" idx="10"/>
          </p:nvPr>
        </p:nvSpPr>
        <p:spPr>
          <a:xfrm>
            <a:off x="0" y="6858000"/>
            <a:ext cx="0" cy="0"/>
          </a:xfrm>
        </p:spPr>
        <p:txBody>
          <a:bodyPr/>
          <a:lstStyle/>
          <a:p>
            <a:fld id="{62133AC9-0081-41C8-8EC9-A5CB6CB74B38}" type="datetime1">
              <a:rPr lang="da-DK" smtClean="0"/>
              <a:t>09-04-2026</a:t>
            </a:fld>
            <a:endParaRPr lang="da-DK"/>
          </a:p>
        </p:txBody>
      </p:sp>
      <p:sp>
        <p:nvSpPr>
          <p:cNvPr id="3" name="Footer Placeholder 2" hidden="1"/>
          <p:cNvSpPr>
            <a:spLocks noGrp="1" noRot="1" noMove="1" noResize="1" noEditPoints="1" noAdjustHandles="1" noChangeArrowheads="1" noChangeShapeType="1"/>
          </p:cNvSpPr>
          <p:nvPr>
            <p:ph type="ftr" sz="quarter" idx="11"/>
          </p:nvPr>
        </p:nvSpPr>
        <p:spPr>
          <a:xfrm>
            <a:off x="0" y="6858000"/>
            <a:ext cx="0" cy="0"/>
          </a:xfrm>
        </p:spPr>
        <p:txBody>
          <a:bodyPr/>
          <a:lstStyle/>
          <a:p>
            <a:endParaRPr lang="da-DK"/>
          </a:p>
        </p:txBody>
      </p:sp>
      <p:sp>
        <p:nvSpPr>
          <p:cNvPr id="15" name="TextBox 14"/>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pic>
        <p:nvPicPr>
          <p:cNvPr id="54" name="Farvet baggrund"/>
          <p:cNvPicPr preferRelativeResize="0">
            <a:picLocks/>
          </p:cNvPicPr>
          <p:nvPr userDrawn="1"/>
        </p:nvPicPr>
        <p:blipFill>
          <a:blip r:embed="rId2">
            <a:extLst>
              <a:ext uri="{28A0092B-C50C-407E-A947-70E740481C1C}">
                <a14:useLocalDpi xmlns:a14="http://schemas.microsoft.com/office/drawing/2010/main" val="0"/>
              </a:ext>
            </a:extLst>
          </a:blip>
          <a:stretch>
            <a:fillRect/>
          </a:stretch>
        </p:blipFill>
        <p:spPr>
          <a:xfrm>
            <a:off x="0" y="0"/>
            <a:ext cx="12188825" cy="6858000"/>
          </a:xfrm>
          <a:prstGeom prst="rect">
            <a:avLst/>
          </a:prstGeom>
          <a:solidFill>
            <a:schemeClr val="tx2"/>
          </a:solidFill>
        </p:spPr>
      </p:pic>
      <p:pic>
        <p:nvPicPr>
          <p:cNvPr id="16" name="Au logo"/>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18" name="Billede streg"/>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34819" name="Title 1"/>
          <p:cNvSpPr>
            <a:spLocks noGrp="1" noChangeArrowheads="1"/>
          </p:cNvSpPr>
          <p:nvPr>
            <p:ph type="ctrTitle"/>
          </p:nvPr>
        </p:nvSpPr>
        <p:spPr>
          <a:xfrm>
            <a:off x="985838" y="2482343"/>
            <a:ext cx="10220325" cy="1661993"/>
          </a:xfrm>
        </p:spPr>
        <p:txBody>
          <a:bodyPr wrap="square" anchor="ctr" anchorCtr="0">
            <a:sp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33"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5" name="Date_DateCustomA" descr="{&quot;templafy&quot;:{&quot;id&quot;:&quot;89b7481d-2306-4ceb-bc88-b53fe2467732&quot;}}">
            <a:extLst>
              <a:ext uri="{FF2B5EF4-FFF2-40B4-BE49-F238E27FC236}">
                <a16:creationId xmlns:a16="http://schemas.microsoft.com/office/drawing/2014/main" id="{7F20FB0B-AB99-D1DA-4E1C-7C844AE40693}"/>
              </a:ext>
            </a:extLst>
          </p:cNvPr>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1. oktober 2025</a:t>
            </a:r>
          </a:p>
        </p:txBody>
      </p:sp>
      <p:sp>
        <p:nvSpPr>
          <p:cNvPr id="6" name="FLD_Event" descr="{&quot;templafy&quot;:{&quot;id&quot;:&quot;54eaf89b-c0ba-454e-aa95-f2a5a3d7a424&quot;}}">
            <a:extLst>
              <a:ext uri="{FF2B5EF4-FFF2-40B4-BE49-F238E27FC236}">
                <a16:creationId xmlns:a16="http://schemas.microsoft.com/office/drawing/2014/main" id="{94FCB787-CF58-D24B-3F9C-4CF65869F2F1}"/>
              </a:ext>
            </a:extLst>
          </p:cNvPr>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bg1"/>
              </a:solidFill>
              <a:latin typeface="+mn-lt"/>
            </a:endParaRPr>
          </a:p>
        </p:txBody>
      </p:sp>
      <p:sp>
        <p:nvSpPr>
          <p:cNvPr id="36" name="USR_Title" descr="{&quot;templafy&quot;:{&quot;id&quot;:&quot;c72566b6-73ed-4692-9fba-5f23b68a7622&quot;}}"/>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Strategi- og proceskonsulent</a:t>
            </a:r>
          </a:p>
        </p:txBody>
      </p:sp>
      <p:sp>
        <p:nvSpPr>
          <p:cNvPr id="37" name="USR_Name" descr="{&quot;templafy&quot;:{&quot;id&quot;:&quot;5b063b79-91a5-44ce-91a2-869730476bf3&quot;}}"/>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Laura Mikkelsen</a:t>
            </a:r>
          </a:p>
        </p:txBody>
      </p:sp>
      <p:pic>
        <p:nvPicPr>
          <p:cNvPr id="1420729358" name="SecondaryLogo" descr="{&quot;templafy&quot;:{&quot;id&quot;:&quot;a5817dba-7b3d-4fbf-b45e-db8ec6629ff8&quot;}}"/>
          <p:cNvPicPr>
            <a:picLocks noChangeAspect="1"/>
          </p:cNvPicPr>
          <p:nvPr/>
        </p:nvPicPr>
        <p:blipFill>
          <a:blip r:embed="rId5"/>
          <a:stretch>
            <a:fillRect/>
          </a:stretch>
        </p:blipFill>
        <p:spPr>
          <a:xfrm>
            <a:off x="10206113" y="5999002"/>
            <a:ext cx="1659600" cy="558000"/>
          </a:xfrm>
          <a:prstGeom prst="rect">
            <a:avLst/>
          </a:prstGeom>
        </p:spPr>
      </p:pic>
      <p:sp>
        <p:nvSpPr>
          <p:cNvPr id="8" name="OFF_logo2Computed" descr="{&quot;templafy&quot;:{&quot;id&quot;:&quot;cbc92628-71b2-45b2-b098-b979330785aa&quot;}}">
            <a:extLst>
              <a:ext uri="{FF2B5EF4-FFF2-40B4-BE49-F238E27FC236}">
                <a16:creationId xmlns:a16="http://schemas.microsoft.com/office/drawing/2014/main" id="{289B577B-AF3B-2A62-0411-5FD9FF3C4208}"/>
              </a:ext>
            </a:extLst>
          </p:cNvPr>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r>
              <a:rPr lang="da-DK" sz="600" cap="all" spc="40" baseline="0">
                <a:solidFill>
                  <a:schemeClr val="bg1"/>
                </a:solidFill>
                <a:latin typeface="AU Passata Light" pitchFamily="34" charset="0"/>
              </a:rPr>
              <a:t>Aarhus Universitet</a:t>
            </a:r>
          </a:p>
        </p:txBody>
      </p:sp>
      <p:sp>
        <p:nvSpPr>
          <p:cNvPr id="9" name="OFF_logo1Computed" descr="{&quot;templafy&quot;:{&quot;id&quot;:&quot;1a377cfb-8908-4623-9a3e-88fa0eed2413&quot;}}">
            <a:extLst>
              <a:ext uri="{FF2B5EF4-FFF2-40B4-BE49-F238E27FC236}">
                <a16:creationId xmlns:a16="http://schemas.microsoft.com/office/drawing/2014/main" id="{066A6607-F6B4-2025-DA5F-AC4D1914151A}"/>
              </a:ext>
            </a:extLst>
          </p:cNvPr>
          <p:cNvSpPr/>
          <p:nvPr userDrawn="1"/>
        </p:nvSpPr>
        <p:spPr bwMode="auto">
          <a:xfrm>
            <a:off x="971999" y="5997600"/>
            <a:ext cx="1242328"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hree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2653200"/>
          </a:xfrm>
          <a:solidFill>
            <a:schemeClr val="bg1"/>
          </a:solidFill>
        </p:spPr>
        <p:txBody>
          <a:bodyPr/>
          <a:lstStyle>
            <a:lvl1pPr marL="0" indent="0">
              <a:buFontTx/>
              <a:buNone/>
              <a:defRPr b="0"/>
            </a:lvl1pPr>
          </a:lstStyle>
          <a:p>
            <a:r>
              <a:rPr lang="da-DK"/>
              <a:t>Click here and add image via Templafy Image Library</a:t>
            </a:r>
          </a:p>
        </p:txBody>
      </p:sp>
      <p:sp>
        <p:nvSpPr>
          <p:cNvPr id="7" name="Picture Placeholder 2"/>
          <p:cNvSpPr>
            <a:spLocks noGrp="1"/>
          </p:cNvSpPr>
          <p:nvPr>
            <p:ph type="pic" sz="quarter" idx="13" hasCustomPrompt="1"/>
          </p:nvPr>
        </p:nvSpPr>
        <p:spPr>
          <a:xfrm>
            <a:off x="316800" y="3237372"/>
            <a:ext cx="5644800" cy="2653200"/>
          </a:xfrm>
        </p:spPr>
        <p:txBody>
          <a:bodyPr/>
          <a:lstStyle>
            <a:lvl1pPr marL="0" indent="0">
              <a:buFontTx/>
              <a:buNone/>
              <a:defRPr b="0"/>
            </a:lvl1pPr>
          </a:lstStyle>
          <a:p>
            <a:r>
              <a:rPr lang="da-DK"/>
              <a:t>Click here and add image via Templafy Image Library</a:t>
            </a:r>
          </a:p>
        </p:txBody>
      </p:sp>
      <p:sp>
        <p:nvSpPr>
          <p:cNvPr id="5" name="Picture Placeholder 3"/>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70292931-4373-4BD9-BE5C-F634786CF3B0}" type="datetime1">
              <a:rPr lang="da-DK" smtClean="0"/>
              <a:t>09-04-2026</a:t>
            </a:fld>
            <a:endParaRPr lang="da-DK"/>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2260751815"/>
      </p:ext>
    </p:extLst>
  </p:cSld>
  <p:clrMapOvr>
    <a:masterClrMapping/>
  </p:clrMapOvr>
  <p:extLst>
    <p:ext uri="{DCECCB84-F9BA-43D5-87BE-67443E8EF086}">
      <p15:sldGuideLst xmlns:p15="http://schemas.microsoft.com/office/powerpoint/2012/main">
        <p15:guide id="1" pos="3922" userDrawn="1">
          <p15:clr>
            <a:srgbClr val="A4A3A4"/>
          </p15:clr>
        </p15:guide>
        <p15:guide id="2" pos="3755" userDrawn="1">
          <p15:clr>
            <a:srgbClr val="A4A3A4"/>
          </p15:clr>
        </p15:guide>
        <p15:guide id="3" orient="horz" pos="2039" userDrawn="1">
          <p15:clr>
            <a:srgbClr val="A4A3A4"/>
          </p15:clr>
        </p15:guide>
        <p15:guide id="4" orient="horz" pos="1872" userDrawn="1">
          <p15:clr>
            <a:srgbClr val="A4A3A4"/>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Text and picture">
    <p:spTree>
      <p:nvGrpSpPr>
        <p:cNvPr id="1" name=""/>
        <p:cNvGrpSpPr/>
        <p:nvPr/>
      </p:nvGrpSpPr>
      <p:grpSpPr>
        <a:xfrm>
          <a:off x="0" y="0"/>
          <a:ext cx="0" cy="0"/>
          <a:chOff x="0" y="0"/>
          <a:chExt cx="0" cy="0"/>
        </a:xfrm>
      </p:grpSpPr>
      <p:sp>
        <p:nvSpPr>
          <p:cNvPr id="14" name="Hvid baggrund"/>
          <p:cNvSpPr/>
          <p:nvPr userDrawn="1"/>
        </p:nvSpPr>
        <p:spPr bwMode="auto">
          <a:xfrm>
            <a:off x="0" y="0"/>
            <a:ext cx="12193200" cy="5911200"/>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5" name="Black Rectangle"/>
          <p:cNvSpPr/>
          <p:nvPr userDrawn="1"/>
        </p:nvSpPr>
        <p:spPr>
          <a:xfrm>
            <a:off x="990000" y="1045684"/>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2" name="Title 1"/>
          <p:cNvSpPr>
            <a:spLocks noGrp="1"/>
          </p:cNvSpPr>
          <p:nvPr>
            <p:ph type="title" hasCustomPrompt="1"/>
          </p:nvPr>
        </p:nvSpPr>
        <p:spPr>
          <a:xfrm>
            <a:off x="316800" y="230400"/>
            <a:ext cx="5644263" cy="752400"/>
          </a:xfrm>
        </p:spPr>
        <p:txBody>
          <a:bodyPr anchor="t" anchorCtr="0"/>
          <a:lstStyle>
            <a:lvl1pPr>
              <a:defRPr/>
            </a:lvl1pPr>
          </a:lstStyle>
          <a:p>
            <a:r>
              <a:rPr lang="da-DK"/>
              <a:t>Insert title</a:t>
            </a:r>
          </a:p>
        </p:txBody>
      </p:sp>
      <p:sp>
        <p:nvSpPr>
          <p:cNvPr id="10" name="Text Placeholder 2"/>
          <p:cNvSpPr>
            <a:spLocks noGrp="1"/>
          </p:cNvSpPr>
          <p:nvPr>
            <p:ph type="body" sz="quarter" idx="14"/>
          </p:nvPr>
        </p:nvSpPr>
        <p:spPr>
          <a:xfrm>
            <a:off x="985838" y="1371600"/>
            <a:ext cx="4975225" cy="452596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7" name="Picture Placeholder 3"/>
          <p:cNvSpPr>
            <a:spLocks noGrp="1"/>
          </p:cNvSpPr>
          <p:nvPr>
            <p:ph type="pic" sz="quarter" idx="13" hasCustomPrompt="1"/>
          </p:nvPr>
        </p:nvSpPr>
        <p:spPr>
          <a:xfrm>
            <a:off x="6230198" y="315913"/>
            <a:ext cx="5644110" cy="558165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8" name="Slide Number Placeholder 7"/>
          <p:cNvSpPr>
            <a:spLocks noGrp="1"/>
          </p:cNvSpPr>
          <p:nvPr>
            <p:ph type="sldNum" sz="quarter" idx="17"/>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BE91998D-D2AB-4ADB-A6FB-2A4723FF25BE}" type="datetime1">
              <a:rPr lang="da-DK" smtClean="0"/>
              <a:t>09-04-2026</a:t>
            </a:fld>
            <a:r>
              <a:rPr lang="da-DK"/>
              <a:t>02-05-2025</a:t>
            </a:r>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622836507"/>
      </p:ext>
    </p:extLst>
  </p:cSld>
  <p:clrMapOvr>
    <a:masterClrMapping/>
  </p:clrMapOvr>
  <p:extLst>
    <p:ext uri="{DCECCB84-F9BA-43D5-87BE-67443E8EF086}">
      <p15:sldGuideLst xmlns:p15="http://schemas.microsoft.com/office/powerpoint/2012/main">
        <p15:guide id="1" pos="3924">
          <p15:clr>
            <a:srgbClr val="A4A3A4"/>
          </p15:clr>
        </p15:guide>
        <p15:guide id="2" pos="3755">
          <p15:clr>
            <a:srgbClr val="A4A3A4"/>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Personal information">
    <p:spTree>
      <p:nvGrpSpPr>
        <p:cNvPr id="1" name=""/>
        <p:cNvGrpSpPr/>
        <p:nvPr/>
      </p:nvGrpSpPr>
      <p:grpSpPr>
        <a:xfrm>
          <a:off x="0" y="0"/>
          <a:ext cx="0" cy="0"/>
          <a:chOff x="0" y="0"/>
          <a:chExt cx="0" cy="0"/>
        </a:xfrm>
      </p:grpSpPr>
      <p:sp>
        <p:nvSpPr>
          <p:cNvPr id="14" name="Hvid baggrund"/>
          <p:cNvSpPr/>
          <p:nvPr userDrawn="1"/>
        </p:nvSpPr>
        <p:spPr bwMode="auto">
          <a:xfrm>
            <a:off x="0" y="0"/>
            <a:ext cx="12193200" cy="5911011"/>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5" name="Black Rectangle"/>
          <p:cNvSpPr/>
          <p:nvPr userDrawn="1"/>
        </p:nvSpPr>
        <p:spPr>
          <a:xfrm>
            <a:off x="1001075" y="2694542"/>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2" name="Title 1"/>
          <p:cNvSpPr>
            <a:spLocks noGrp="1"/>
          </p:cNvSpPr>
          <p:nvPr>
            <p:ph type="title"/>
          </p:nvPr>
        </p:nvSpPr>
        <p:spPr>
          <a:xfrm>
            <a:off x="985838" y="1484784"/>
            <a:ext cx="4975225" cy="971980"/>
          </a:xfrm>
        </p:spPr>
        <p:txBody>
          <a:bodyPr anchor="b" anchorCtr="0"/>
          <a:lstStyle>
            <a:lvl1pPr>
              <a:lnSpc>
                <a:spcPct val="95000"/>
              </a:lnSpc>
              <a:defRPr sz="3000">
                <a:latin typeface="+mn-lt"/>
              </a:defRPr>
            </a:lvl1pPr>
          </a:lstStyle>
          <a:p>
            <a:r>
              <a:rPr lang="da-DK"/>
              <a:t>Click to edit Master title style</a:t>
            </a:r>
          </a:p>
        </p:txBody>
      </p:sp>
      <p:sp>
        <p:nvSpPr>
          <p:cNvPr id="10" name="Text Placeholder 2"/>
          <p:cNvSpPr>
            <a:spLocks noGrp="1"/>
          </p:cNvSpPr>
          <p:nvPr>
            <p:ph type="body" sz="quarter" idx="14"/>
          </p:nvPr>
        </p:nvSpPr>
        <p:spPr>
          <a:xfrm>
            <a:off x="985838" y="3010711"/>
            <a:ext cx="4975225" cy="1858449"/>
          </a:xfrm>
        </p:spPr>
        <p:txBody>
          <a:bodyPr/>
          <a:lstStyle>
            <a:lvl1pPr marL="0" indent="0">
              <a:buFont typeface="Calibri" panose="020F0502020204030204" pitchFamily="34" charset="0"/>
              <a:buChar char="​"/>
              <a:defRPr/>
            </a:lvl1pPr>
            <a:lvl5pPr>
              <a:defRPr/>
            </a:lvl5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a:p>
            <a:pPr lvl="5"/>
            <a:r>
              <a:rPr lang="da-DK"/>
              <a:t>6</a:t>
            </a:r>
          </a:p>
        </p:txBody>
      </p:sp>
      <p:sp>
        <p:nvSpPr>
          <p:cNvPr id="7" name="Picture Placeholder 3"/>
          <p:cNvSpPr>
            <a:spLocks noGrp="1"/>
          </p:cNvSpPr>
          <p:nvPr>
            <p:ph type="pic" sz="quarter" idx="13" hasCustomPrompt="1"/>
          </p:nvPr>
        </p:nvSpPr>
        <p:spPr>
          <a:xfrm>
            <a:off x="6231600" y="315913"/>
            <a:ext cx="5644800" cy="558360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1780882"/>
            <a:ext cx="1825892" cy="153888"/>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a:t>
            </a:r>
            <a:endParaRPr lang="da-DK"/>
          </a:p>
        </p:txBody>
      </p:sp>
      <p:sp>
        <p:nvSpPr>
          <p:cNvPr id="8" name="Slide Number Placeholder 7"/>
          <p:cNvSpPr>
            <a:spLocks noGrp="1"/>
          </p:cNvSpPr>
          <p:nvPr>
            <p:ph type="sldNum" sz="quarter" idx="17"/>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DCB297B2-1321-4565-AD12-FA1A492E0A78}" type="datetime1">
              <a:rPr lang="da-DK" smtClean="0"/>
              <a:t>09-04-2026</a:t>
            </a:fld>
            <a:r>
              <a:rPr lang="da-DK"/>
              <a:t>02-05-2025</a:t>
            </a:r>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622846915"/>
      </p:ext>
    </p:extLst>
  </p:cSld>
  <p:clrMapOvr>
    <a:masterClrMapping/>
  </p:clrMapOvr>
  <p:extLst>
    <p:ext uri="{DCECCB84-F9BA-43D5-87BE-67443E8EF086}">
      <p15:sldGuideLst xmlns:p15="http://schemas.microsoft.com/office/powerpoint/2012/main">
        <p15:guide id="1" pos="3930">
          <p15:clr>
            <a:srgbClr val="A4A3A4"/>
          </p15:clr>
        </p15:guide>
        <p15:guide id="2" pos="3755">
          <p15:clr>
            <a:srgbClr val="A4A3A4"/>
          </p15:clr>
        </p15:guide>
        <p15:guide id="3" orient="horz" pos="3069">
          <p15:clr>
            <a:srgbClr val="A4A3A4"/>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Picture slide">
    <p:spTree>
      <p:nvGrpSpPr>
        <p:cNvPr id="1" name=""/>
        <p:cNvGrpSpPr/>
        <p:nvPr/>
      </p:nvGrpSpPr>
      <p:grpSpPr>
        <a:xfrm>
          <a:off x="0" y="0"/>
          <a:ext cx="0" cy="0"/>
          <a:chOff x="0" y="0"/>
          <a:chExt cx="0" cy="0"/>
        </a:xfrm>
      </p:grpSpPr>
      <p:sp>
        <p:nvSpPr>
          <p:cNvPr id="5" name="Picture Placeholder 1"/>
          <p:cNvSpPr>
            <a:spLocks noGrp="1"/>
          </p:cNvSpPr>
          <p:nvPr>
            <p:ph type="pic" sz="quarter" idx="11" hasCustomPrompt="1"/>
          </p:nvPr>
        </p:nvSpPr>
        <p:spPr>
          <a:xfrm>
            <a:off x="316800" y="316800"/>
            <a:ext cx="11559600" cy="5583600"/>
          </a:xfrm>
          <a:solidFill>
            <a:schemeClr val="bg1"/>
          </a:solidFill>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E487B24C-6867-4D67-BEF1-98E1CEA02F45}" type="datetime1">
              <a:rPr lang="da-DK" smtClean="0"/>
              <a:t>09-04-2026</a:t>
            </a:fld>
            <a:r>
              <a:rPr lang="da-DK"/>
              <a:t>02-05-2025</a:t>
            </a:r>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1418404943"/>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Two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5" name="Picture Placeholder 2"/>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9" name="Slide Number Placeholder 8"/>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30AF4400-7E30-4559-8606-A4BC463D4051}" type="datetime1">
              <a:rPr lang="da-DK" smtClean="0"/>
              <a:t>09-04-2026</a:t>
            </a:fld>
            <a:r>
              <a:rPr lang="da-DK"/>
              <a:t>02-05-2025</a:t>
            </a:r>
          </a:p>
        </p:txBody>
      </p:sp>
      <p:sp>
        <p:nvSpPr>
          <p:cNvPr id="8" name="Footer Placeholder 7"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912458002"/>
      </p:ext>
    </p:extLst>
  </p:cSld>
  <p:clrMapOvr>
    <a:masterClrMapping/>
  </p:clrMapOvr>
  <p:extLst>
    <p:ext uri="{DCECCB84-F9BA-43D5-87BE-67443E8EF086}">
      <p15:sldGuideLst xmlns:p15="http://schemas.microsoft.com/office/powerpoint/2012/main">
        <p15:guide id="1" pos="3924">
          <p15:clr>
            <a:srgbClr val="A4A3A4"/>
          </p15:clr>
        </p15:guide>
        <p15:guide id="2" pos="3754">
          <p15:clr>
            <a:srgbClr val="A4A3A4"/>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Three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2653200"/>
          </a:xfrm>
          <a:solidFill>
            <a:schemeClr val="bg1"/>
          </a:solidFill>
        </p:spPr>
        <p:txBody>
          <a:bodyPr/>
          <a:lstStyle>
            <a:lvl1pPr marL="0" indent="0">
              <a:buFontTx/>
              <a:buNone/>
              <a:defRPr b="0"/>
            </a:lvl1pPr>
          </a:lstStyle>
          <a:p>
            <a:r>
              <a:rPr lang="da-DK"/>
              <a:t>Click here and add image via Templafy Image Library</a:t>
            </a:r>
          </a:p>
        </p:txBody>
      </p:sp>
      <p:sp>
        <p:nvSpPr>
          <p:cNvPr id="7" name="Picture Placeholder 2"/>
          <p:cNvSpPr>
            <a:spLocks noGrp="1"/>
          </p:cNvSpPr>
          <p:nvPr>
            <p:ph type="pic" sz="quarter" idx="13" hasCustomPrompt="1"/>
          </p:nvPr>
        </p:nvSpPr>
        <p:spPr>
          <a:xfrm>
            <a:off x="316800" y="3237372"/>
            <a:ext cx="5644800" cy="2653200"/>
          </a:xfrm>
        </p:spPr>
        <p:txBody>
          <a:bodyPr/>
          <a:lstStyle>
            <a:lvl1pPr marL="0" indent="0">
              <a:buFontTx/>
              <a:buNone/>
              <a:defRPr b="0"/>
            </a:lvl1pPr>
          </a:lstStyle>
          <a:p>
            <a:r>
              <a:rPr lang="da-DK"/>
              <a:t>Click here and add image via Templafy Image Library</a:t>
            </a:r>
          </a:p>
        </p:txBody>
      </p:sp>
      <p:sp>
        <p:nvSpPr>
          <p:cNvPr id="5" name="Picture Placeholder 3"/>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1FC48B6D-AF5C-418B-A30C-E777A87BE448}" type="datetime1">
              <a:rPr lang="da-DK" smtClean="0"/>
              <a:t>09-04-2026</a:t>
            </a:fld>
            <a:r>
              <a:rPr lang="da-DK"/>
              <a:t>02-05-2025</a:t>
            </a:r>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1992005942"/>
      </p:ext>
    </p:extLst>
  </p:cSld>
  <p:clrMapOvr>
    <a:masterClrMapping/>
  </p:clrMapOvr>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Three pictures II">
    <p:spTree>
      <p:nvGrpSpPr>
        <p:cNvPr id="1" name=""/>
        <p:cNvGrpSpPr/>
        <p:nvPr/>
      </p:nvGrpSpPr>
      <p:grpSpPr>
        <a:xfrm>
          <a:off x="0" y="0"/>
          <a:ext cx="0" cy="0"/>
          <a:chOff x="0" y="0"/>
          <a:chExt cx="0" cy="0"/>
        </a:xfrm>
      </p:grpSpPr>
      <p:sp>
        <p:nvSpPr>
          <p:cNvPr id="5" name="Picture Placeholder 1"/>
          <p:cNvSpPr>
            <a:spLocks noGrp="1"/>
          </p:cNvSpPr>
          <p:nvPr>
            <p:ph type="pic" sz="quarter" idx="12"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4" name="Picture Placeholder 2"/>
          <p:cNvSpPr>
            <a:spLocks noGrp="1"/>
          </p:cNvSpPr>
          <p:nvPr>
            <p:ph type="pic" sz="quarter" idx="11" hasCustomPrompt="1"/>
          </p:nvPr>
        </p:nvSpPr>
        <p:spPr>
          <a:xfrm>
            <a:off x="6231600" y="316800"/>
            <a:ext cx="5644800" cy="2653200"/>
          </a:xfrm>
        </p:spPr>
        <p:txBody>
          <a:bodyPr/>
          <a:lstStyle>
            <a:lvl1pPr marL="0" indent="0">
              <a:buFontTx/>
              <a:buNone/>
              <a:defRPr b="0"/>
            </a:lvl1pPr>
          </a:lstStyle>
          <a:p>
            <a:r>
              <a:rPr lang="da-DK"/>
              <a:t>Click here and add image via Templafy Image Library</a:t>
            </a:r>
          </a:p>
        </p:txBody>
      </p:sp>
      <p:sp>
        <p:nvSpPr>
          <p:cNvPr id="7" name="Picture Placeholder 3"/>
          <p:cNvSpPr>
            <a:spLocks noGrp="1"/>
          </p:cNvSpPr>
          <p:nvPr>
            <p:ph type="pic" sz="quarter" idx="13" hasCustomPrompt="1"/>
          </p:nvPr>
        </p:nvSpPr>
        <p:spPr>
          <a:xfrm>
            <a:off x="6231600" y="3237372"/>
            <a:ext cx="5644800" cy="26532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484BEB34-7AB2-4501-B2A5-CFDCA02EFF55}" type="datetime1">
              <a:rPr lang="da-DK" smtClean="0"/>
              <a:t>09-04-2026</a:t>
            </a:fld>
            <a:r>
              <a:rPr lang="da-DK"/>
              <a:t>02-05-2025</a:t>
            </a:r>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903235673"/>
      </p:ext>
    </p:extLst>
  </p:cSld>
  <p:clrMapOvr>
    <a:masterClrMapping/>
  </p:clrMapOvr>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showMasterSp="0" preserve="1" userDrawn="1">
  <p:cSld name="Full slide picture">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315913" y="315913"/>
            <a:ext cx="11557000" cy="6220354"/>
          </a:xfrm>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2EF59DFC-3489-4E24-AE1E-D53042957496}" type="datetime1">
              <a:rPr lang="da-DK" smtClean="0"/>
              <a:t>09-04-2026</a:t>
            </a:fld>
            <a:r>
              <a:rPr lang="da-DK"/>
              <a:t>02-05-2025</a:t>
            </a:r>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2031464560"/>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Quote slide">
    <p:spTree>
      <p:nvGrpSpPr>
        <p:cNvPr id="1" name=""/>
        <p:cNvGrpSpPr/>
        <p:nvPr/>
      </p:nvGrpSpPr>
      <p:grpSpPr>
        <a:xfrm>
          <a:off x="0" y="0"/>
          <a:ext cx="0" cy="0"/>
          <a:chOff x="0" y="0"/>
          <a:chExt cx="0" cy="0"/>
        </a:xfrm>
      </p:grpSpPr>
      <p:sp>
        <p:nvSpPr>
          <p:cNvPr id="9" name="Hvid baggrund"/>
          <p:cNvSpPr/>
          <p:nvPr userDrawn="1"/>
        </p:nvSpPr>
        <p:spPr bwMode="auto">
          <a:xfrm>
            <a:off x="0" y="0"/>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0" name="Slide Number Placeholder 9"/>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860A1D69-59B1-4100-9039-01C98DB3AD73}" type="datetime1">
              <a:rPr lang="da-DK" smtClean="0"/>
              <a:t>09-04-2026</a:t>
            </a:fld>
            <a:r>
              <a:rPr lang="da-DK"/>
              <a:t>02-05-2025</a:t>
            </a:r>
          </a:p>
        </p:txBody>
      </p:sp>
      <p:sp>
        <p:nvSpPr>
          <p:cNvPr id="8" name="Footer Placeholder 7" hidden="1"/>
          <p:cNvSpPr>
            <a:spLocks noGrp="1"/>
          </p:cNvSpPr>
          <p:nvPr>
            <p:ph type="ftr" sz="quarter" idx="14"/>
          </p:nvPr>
        </p:nvSpPr>
        <p:spPr/>
        <p:txBody>
          <a:bodyPr/>
          <a:lstStyle/>
          <a:p>
            <a:endParaRPr lang="da-DK"/>
          </a:p>
        </p:txBody>
      </p:sp>
      <p:sp>
        <p:nvSpPr>
          <p:cNvPr id="11" name="Text Placeholder 61"/>
          <p:cNvSpPr>
            <a:spLocks noGrp="1"/>
          </p:cNvSpPr>
          <p:nvPr>
            <p:ph type="body" sz="quarter" idx="16" hasCustomPrompt="1"/>
          </p:nvPr>
        </p:nvSpPr>
        <p:spPr>
          <a:xfrm>
            <a:off x="1845940" y="1412776"/>
            <a:ext cx="8496944" cy="3744416"/>
          </a:xfrm>
        </p:spPr>
        <p:txBody>
          <a:bodyPr/>
          <a:lstStyle>
            <a:lvl1pPr marL="432000" indent="-432000" algn="ctr">
              <a:lnSpc>
                <a:spcPct val="107000"/>
              </a:lnSpc>
              <a:buSzPct val="250000"/>
              <a:buFontTx/>
              <a:buBlip>
                <a:blip r:embed="rId2"/>
              </a:buBlip>
              <a:defRPr sz="2800">
                <a:latin typeface="Georgia" panose="02040502050405020303" pitchFamily="18" charset="0"/>
              </a:defRPr>
            </a:lvl1pPr>
            <a:lvl2pPr marL="216000" indent="-216000" algn="ctr">
              <a:lnSpc>
                <a:spcPct val="99000"/>
              </a:lnSpc>
              <a:buFont typeface="Arial" panose="020B0604020202020204" pitchFamily="34" charset="0"/>
              <a:buChar char="-"/>
              <a:defRPr sz="2000" cap="all" baseline="0">
                <a:latin typeface="Georgia" panose="02040502050405020303" pitchFamily="18" charset="0"/>
              </a:defRPr>
            </a:lvl2pPr>
            <a:lvl3pPr algn="ctr">
              <a:buFontTx/>
              <a:buNone/>
              <a:defRPr/>
            </a:lvl3pPr>
          </a:lstStyle>
          <a:p>
            <a:pPr lvl="0"/>
            <a:r>
              <a:rPr lang="da-DK"/>
              <a:t>Click to add Quote text, for next level ENTER and TAB</a:t>
            </a:r>
          </a:p>
          <a:p>
            <a:pPr lvl="1"/>
            <a:r>
              <a:rPr lang="da-DK"/>
              <a:t>Second level</a:t>
            </a:r>
          </a:p>
          <a:p>
            <a:pPr lvl="2"/>
            <a:endParaRPr lang="da-DK"/>
          </a:p>
        </p:txBody>
      </p:sp>
    </p:spTree>
    <p:extLst>
      <p:ext uri="{BB962C8B-B14F-4D97-AF65-F5344CB8AC3E}">
        <p14:creationId xmlns:p14="http://schemas.microsoft.com/office/powerpoint/2010/main" val="3429154176"/>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Titel and Quote slide">
    <p:spTree>
      <p:nvGrpSpPr>
        <p:cNvPr id="1" name=""/>
        <p:cNvGrpSpPr/>
        <p:nvPr/>
      </p:nvGrpSpPr>
      <p:grpSpPr>
        <a:xfrm>
          <a:off x="0" y="0"/>
          <a:ext cx="0" cy="0"/>
          <a:chOff x="0" y="0"/>
          <a:chExt cx="0" cy="0"/>
        </a:xfrm>
      </p:grpSpPr>
      <p:sp>
        <p:nvSpPr>
          <p:cNvPr id="8" name="Hvid baggrund"/>
          <p:cNvSpPr/>
          <p:nvPr userDrawn="1"/>
        </p:nvSpPr>
        <p:spPr bwMode="auto">
          <a:xfrm>
            <a:off x="0" y="0"/>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Title 1"/>
          <p:cNvSpPr>
            <a:spLocks noGrp="1"/>
          </p:cNvSpPr>
          <p:nvPr>
            <p:ph type="title"/>
          </p:nvPr>
        </p:nvSpPr>
        <p:spPr>
          <a:xfrm>
            <a:off x="315913" y="230400"/>
            <a:ext cx="11563200" cy="752400"/>
          </a:xfrm>
        </p:spPr>
        <p:txBody>
          <a:bodyPr anchor="t" anchorCtr="0"/>
          <a:lstStyle/>
          <a:p>
            <a:r>
              <a:rPr lang="da-DK"/>
              <a:t>Click to edit Master title style</a:t>
            </a:r>
          </a:p>
        </p:txBody>
      </p:sp>
      <p:sp>
        <p:nvSpPr>
          <p:cNvPr id="7" name="Text Placeholder 2"/>
          <p:cNvSpPr>
            <a:spLocks noGrp="1"/>
          </p:cNvSpPr>
          <p:nvPr>
            <p:ph type="body" sz="quarter" idx="11" hasCustomPrompt="1"/>
          </p:nvPr>
        </p:nvSpPr>
        <p:spPr>
          <a:xfrm>
            <a:off x="2998068" y="1853461"/>
            <a:ext cx="6264696" cy="2725288"/>
          </a:xfrm>
        </p:spPr>
        <p:txBody>
          <a:bodyPr/>
          <a:lstStyle>
            <a:lvl1pPr marL="432000" indent="-432000" algn="ctr">
              <a:lnSpc>
                <a:spcPct val="107000"/>
              </a:lnSpc>
              <a:buSzPct val="250000"/>
              <a:buFontTx/>
              <a:buBlip>
                <a:blip r:embed="rId2"/>
              </a:buBlip>
              <a:defRPr sz="2800">
                <a:latin typeface="Georgia" panose="02040502050405020303" pitchFamily="18" charset="0"/>
              </a:defRPr>
            </a:lvl1pPr>
            <a:lvl2pPr marL="216000" indent="-216000" algn="ctr">
              <a:lnSpc>
                <a:spcPct val="99000"/>
              </a:lnSpc>
              <a:buFont typeface="Arial" panose="020B0604020202020204" pitchFamily="34" charset="0"/>
              <a:buChar char="-"/>
              <a:defRPr sz="2000" cap="all" baseline="0">
                <a:latin typeface="Georgia" panose="02040502050405020303" pitchFamily="18" charset="0"/>
              </a:defRPr>
            </a:lvl2pPr>
            <a:lvl3pPr marL="576000" indent="0">
              <a:buNone/>
              <a:defRPr/>
            </a:lvl3pPr>
          </a:lstStyle>
          <a:p>
            <a:pPr lvl="0"/>
            <a:r>
              <a:rPr lang="da-DK"/>
              <a:t>Click to add Quote text, for next level ENTER and TAB</a:t>
            </a:r>
          </a:p>
          <a:p>
            <a:pPr lvl="1"/>
            <a:r>
              <a:rPr lang="da-DK"/>
              <a:t>Second level</a:t>
            </a:r>
          </a:p>
        </p:txBody>
      </p:sp>
      <p:sp>
        <p:nvSpPr>
          <p:cNvPr id="11" name="Slide Number Placeholder 10"/>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1363CFDB-1FAD-458C-B121-2AB3C929A04C}" type="datetime1">
              <a:rPr lang="da-DK" smtClean="0"/>
              <a:t>09-04-2026</a:t>
            </a:fld>
            <a:r>
              <a:rPr lang="da-DK"/>
              <a:t>02-05-2025</a:t>
            </a:r>
          </a:p>
        </p:txBody>
      </p:sp>
      <p:sp>
        <p:nvSpPr>
          <p:cNvPr id="10" name="Footer Placeholder 9"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3325048673"/>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showMasterSp="0" preserve="1" userDrawn="1">
  <p:cSld name="Full slide content">
    <p:spTree>
      <p:nvGrpSpPr>
        <p:cNvPr id="1" name=""/>
        <p:cNvGrpSpPr/>
        <p:nvPr/>
      </p:nvGrpSpPr>
      <p:grpSpPr>
        <a:xfrm>
          <a:off x="0" y="0"/>
          <a:ext cx="0" cy="0"/>
          <a:chOff x="0" y="0"/>
          <a:chExt cx="0" cy="0"/>
        </a:xfrm>
      </p:grpSpPr>
      <p:sp>
        <p:nvSpPr>
          <p:cNvPr id="5" name="Content Placeholder 1"/>
          <p:cNvSpPr>
            <a:spLocks noGrp="1"/>
          </p:cNvSpPr>
          <p:nvPr>
            <p:ph sz="quarter" idx="12"/>
          </p:nvPr>
        </p:nvSpPr>
        <p:spPr>
          <a:xfrm>
            <a:off x="328613" y="328612"/>
            <a:ext cx="11550650" cy="6213475"/>
          </a:xfrm>
        </p:spPr>
        <p:txBody>
          <a:body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8" name="Slide Number Placeholder 7"/>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D2DFDC2E-10BE-498F-BE3A-0CD33D9BFAEF}" type="datetime1">
              <a:rPr lang="da-DK" smtClean="0"/>
              <a:t>09-04-2026</a:t>
            </a:fld>
            <a:r>
              <a:rPr lang="da-DK"/>
              <a:t>02-05-2025</a:t>
            </a:r>
          </a:p>
        </p:txBody>
      </p:sp>
      <p:sp>
        <p:nvSpPr>
          <p:cNvPr id="7" name="Footer Placeholder 6"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204725955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hree pictures II">
    <p:spTree>
      <p:nvGrpSpPr>
        <p:cNvPr id="1" name=""/>
        <p:cNvGrpSpPr/>
        <p:nvPr/>
      </p:nvGrpSpPr>
      <p:grpSpPr>
        <a:xfrm>
          <a:off x="0" y="0"/>
          <a:ext cx="0" cy="0"/>
          <a:chOff x="0" y="0"/>
          <a:chExt cx="0" cy="0"/>
        </a:xfrm>
      </p:grpSpPr>
      <p:sp>
        <p:nvSpPr>
          <p:cNvPr id="5" name="Picture Placeholder 1"/>
          <p:cNvSpPr>
            <a:spLocks noGrp="1"/>
          </p:cNvSpPr>
          <p:nvPr>
            <p:ph type="pic" sz="quarter" idx="12"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4" name="Picture Placeholder 2"/>
          <p:cNvSpPr>
            <a:spLocks noGrp="1"/>
          </p:cNvSpPr>
          <p:nvPr>
            <p:ph type="pic" sz="quarter" idx="11" hasCustomPrompt="1"/>
          </p:nvPr>
        </p:nvSpPr>
        <p:spPr>
          <a:xfrm>
            <a:off x="6231600" y="316800"/>
            <a:ext cx="5644800" cy="2653200"/>
          </a:xfrm>
        </p:spPr>
        <p:txBody>
          <a:bodyPr/>
          <a:lstStyle>
            <a:lvl1pPr marL="0" indent="0">
              <a:buFontTx/>
              <a:buNone/>
              <a:defRPr b="0"/>
            </a:lvl1pPr>
          </a:lstStyle>
          <a:p>
            <a:r>
              <a:rPr lang="da-DK"/>
              <a:t>Click here and add image via Templafy Image Library</a:t>
            </a:r>
          </a:p>
        </p:txBody>
      </p:sp>
      <p:sp>
        <p:nvSpPr>
          <p:cNvPr id="7" name="Picture Placeholder 3"/>
          <p:cNvSpPr>
            <a:spLocks noGrp="1"/>
          </p:cNvSpPr>
          <p:nvPr>
            <p:ph type="pic" sz="quarter" idx="13" hasCustomPrompt="1"/>
          </p:nvPr>
        </p:nvSpPr>
        <p:spPr>
          <a:xfrm>
            <a:off x="6231600" y="3237372"/>
            <a:ext cx="5644800" cy="26532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58F878D1-0062-47A9-B53A-9F387CD4495E}" type="datetime1">
              <a:rPr lang="da-DK" smtClean="0"/>
              <a:t>09-04-2026</a:t>
            </a:fld>
            <a:endParaRPr lang="da-DK"/>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93570263"/>
      </p:ext>
    </p:extLst>
  </p:cSld>
  <p:clrMapOvr>
    <a:masterClrMapping/>
  </p:clrMapOvr>
  <p:extLst>
    <p:ext uri="{DCECCB84-F9BA-43D5-87BE-67443E8EF086}">
      <p15:sldGuideLst xmlns:p15="http://schemas.microsoft.com/office/powerpoint/2012/main">
        <p15:guide id="1" pos="3922" userDrawn="1">
          <p15:clr>
            <a:srgbClr val="A4A3A4"/>
          </p15:clr>
        </p15:guide>
        <p15:guide id="2" pos="3755" userDrawn="1">
          <p15:clr>
            <a:srgbClr val="A4A3A4"/>
          </p15:clr>
        </p15:guide>
        <p15:guide id="3" orient="horz" pos="2039" userDrawn="1">
          <p15:clr>
            <a:srgbClr val="A4A3A4"/>
          </p15:clr>
        </p15:guide>
        <p15:guide id="4" orient="horz" pos="1872" userDrawn="1">
          <p15:clr>
            <a:srgbClr val="A4A3A4"/>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Click to edit Master title style</a:t>
            </a:r>
          </a:p>
        </p:txBody>
      </p:sp>
      <p:sp>
        <p:nvSpPr>
          <p:cNvPr id="6" name="TextBox 5"/>
          <p:cNvSpPr txBox="1"/>
          <p:nvPr userDrawn="1"/>
        </p:nvSpPr>
        <p:spPr>
          <a:xfrm>
            <a:off x="-2160355" y="1022476"/>
            <a:ext cx="2012649" cy="473425"/>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Light</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65CAC55A-0403-4A9E-BFEC-38AFFD2E095D}" type="datetime1">
              <a:rPr lang="da-DK" smtClean="0"/>
              <a:t>09-04-2026</a:t>
            </a:fld>
            <a:r>
              <a:rPr lang="da-DK"/>
              <a:t>02-05-2025</a:t>
            </a:r>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359677646"/>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type="blank" preserve="1">
  <p:cSld name="Tomt">
    <p:spTree>
      <p:nvGrpSpPr>
        <p:cNvPr id="1" name=""/>
        <p:cNvGrpSpPr/>
        <p:nvPr/>
      </p:nvGrpSpPr>
      <p:grpSpPr>
        <a:xfrm>
          <a:off x="0" y="0"/>
          <a:ext cx="0" cy="0"/>
          <a:chOff x="0" y="0"/>
          <a:chExt cx="0" cy="0"/>
        </a:xfrm>
      </p:grpSpPr>
      <p:sp>
        <p:nvSpPr>
          <p:cNvPr id="3" name="Rectangle 2"/>
          <p:cNvSpPr/>
          <p:nvPr userDrawn="1"/>
        </p:nvSpPr>
        <p:spPr bwMode="auto">
          <a:xfrm>
            <a:off x="765820" y="1340768"/>
            <a:ext cx="1224136" cy="504056"/>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Slide Number Placeholder 4"/>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C9A75EBC-8EE4-4F41-BA9D-974311B213AC}" type="datetime1">
              <a:rPr lang="da-DK" smtClean="0"/>
              <a:t>09-04-2026</a:t>
            </a:fld>
            <a:r>
              <a:rPr lang="da-DK"/>
              <a:t>02-05-2025</a:t>
            </a:r>
          </a:p>
        </p:txBody>
      </p:sp>
      <p:sp>
        <p:nvSpPr>
          <p:cNvPr id="4" name="Footer Placeholder 3"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1718185177"/>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showMasterSp="0" preserve="1" userDrawn="1">
  <p:cSld name="End slide Logo">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pic>
        <p:nvPicPr>
          <p:cNvPr id="6"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828776" y="2163364"/>
            <a:ext cx="2531272" cy="2531272"/>
          </a:xfrm>
          <a:prstGeom prst="rect">
            <a:avLst/>
          </a:prstGeom>
        </p:spPr>
      </p:pic>
      <p:sp>
        <p:nvSpPr>
          <p:cNvPr id="5" name="Date Placeholder 4" hidden="1"/>
          <p:cNvSpPr>
            <a:spLocks noGrp="1"/>
          </p:cNvSpPr>
          <p:nvPr>
            <p:ph type="dt" sz="half" idx="10"/>
          </p:nvPr>
        </p:nvSpPr>
        <p:spPr/>
        <p:txBody>
          <a:bodyPr/>
          <a:lstStyle/>
          <a:p>
            <a:fld id="{9BBEE4D2-0760-4EB3-B5E5-14D23ADF1835}" type="datetime1">
              <a:rPr lang="da-DK" smtClean="0"/>
              <a:t>09-04-2026</a:t>
            </a:fld>
            <a:r>
              <a:rPr lang="da-DK"/>
              <a:t>02-05-2025</a:t>
            </a:r>
          </a:p>
        </p:txBody>
      </p:sp>
      <p:sp>
        <p:nvSpPr>
          <p:cNvPr id="7" name="Footer Placeholder 6" hidden="1"/>
          <p:cNvSpPr>
            <a:spLocks noGrp="1"/>
          </p:cNvSpPr>
          <p:nvPr>
            <p:ph type="ftr" sz="quarter" idx="11"/>
          </p:nvPr>
        </p:nvSpPr>
        <p:spPr/>
        <p:txBody>
          <a:bodyPr/>
          <a:lstStyle/>
          <a:p>
            <a:endParaRPr lang="da-DK"/>
          </a:p>
        </p:txBody>
      </p:sp>
      <p:sp>
        <p:nvSpPr>
          <p:cNvPr id="9"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1700196831"/>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showMasterSp="0" preserve="1" userDrawn="1">
  <p:cSld name="End slide">
    <p:bg>
      <p:bgPr>
        <a:solidFill>
          <a:schemeClr val="bg1"/>
        </a:solidFill>
        <a:effectLst/>
      </p:bgPr>
    </p:bg>
    <p:spTree>
      <p:nvGrpSpPr>
        <p:cNvPr id="1" name=""/>
        <p:cNvGrpSpPr/>
        <p:nvPr/>
      </p:nvGrpSpPr>
      <p:grpSpPr>
        <a:xfrm>
          <a:off x="0" y="0"/>
          <a:ext cx="0" cy="0"/>
          <a:chOff x="0" y="0"/>
          <a:chExt cx="0" cy="0"/>
        </a:xfrm>
      </p:grpSpPr>
      <p:sp>
        <p:nvSpPr>
          <p:cNvPr id="16"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34" name="Pladsholder til tekst 2"/>
          <p:cNvSpPr txBox="1">
            <a:spLocks/>
          </p:cNvSpPr>
          <p:nvPr userDrawn="1"/>
        </p:nvSpPr>
        <p:spPr>
          <a:xfrm>
            <a:off x="1090914" y="2098689"/>
            <a:ext cx="12745416"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a:solidFill>
                  <a:schemeClr val="accent6"/>
                </a:solidFill>
                <a:latin typeface="AU Peto" panose="040C0B07020602020301" pitchFamily="82" charset="0"/>
              </a:rPr>
              <a:t>Aarhus</a:t>
            </a:r>
            <a:endParaRPr lang="da-DK"/>
          </a:p>
        </p:txBody>
      </p:sp>
      <p:sp>
        <p:nvSpPr>
          <p:cNvPr id="6" name="Pladsholder til tekst 2"/>
          <p:cNvSpPr txBox="1">
            <a:spLocks/>
          </p:cNvSpPr>
          <p:nvPr userDrawn="1"/>
        </p:nvSpPr>
        <p:spPr>
          <a:xfrm>
            <a:off x="7439540" y="2093600"/>
            <a:ext cx="4356484"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err="1">
                <a:solidFill>
                  <a:schemeClr val="bg1"/>
                </a:solidFill>
                <a:latin typeface="AU Peto" panose="040C0B07020602020301" pitchFamily="82" charset="0"/>
              </a:rPr>
              <a:t>uni</a:t>
            </a:r>
            <a:endParaRPr lang="da-DK" sz="10000" kern="0">
              <a:solidFill>
                <a:schemeClr val="bg1"/>
              </a:solidFill>
              <a:latin typeface="AU Peto" panose="040C0B07020602020301" pitchFamily="82" charset="0"/>
            </a:endParaRPr>
          </a:p>
        </p:txBody>
      </p:sp>
      <p:sp>
        <p:nvSpPr>
          <p:cNvPr id="7" name="Pladsholder til tekst 2"/>
          <p:cNvSpPr txBox="1">
            <a:spLocks/>
          </p:cNvSpPr>
          <p:nvPr userDrawn="1"/>
        </p:nvSpPr>
        <p:spPr>
          <a:xfrm>
            <a:off x="1881492" y="3428550"/>
            <a:ext cx="9289032"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gn="ctr">
              <a:lnSpc>
                <a:spcPct val="85000"/>
              </a:lnSpc>
            </a:pPr>
            <a:r>
              <a:rPr lang="da-DK" sz="10000" kern="0" err="1">
                <a:solidFill>
                  <a:schemeClr val="bg1"/>
                </a:solidFill>
                <a:latin typeface="AU Peto" panose="040C0B07020602020301" pitchFamily="82" charset="0"/>
              </a:rPr>
              <a:t>versiet</a:t>
            </a:r>
            <a:endParaRPr lang="da-DK" sz="10000">
              <a:solidFill>
                <a:schemeClr val="bg1"/>
              </a:solidFill>
              <a:latin typeface="AU Peto" panose="040C0B07020602020301" pitchFamily="82" charset="0"/>
            </a:endParaRPr>
          </a:p>
        </p:txBody>
      </p:sp>
      <p:sp>
        <p:nvSpPr>
          <p:cNvPr id="8" name="Date Placeholder 4" hidden="1"/>
          <p:cNvSpPr>
            <a:spLocks noGrp="1"/>
          </p:cNvSpPr>
          <p:nvPr>
            <p:ph type="dt" sz="half" idx="10"/>
          </p:nvPr>
        </p:nvSpPr>
        <p:spPr>
          <a:xfrm>
            <a:off x="0" y="7020000"/>
            <a:ext cx="0" cy="0"/>
          </a:xfrm>
        </p:spPr>
        <p:txBody>
          <a:bodyPr/>
          <a:lstStyle/>
          <a:p>
            <a:fld id="{2951DF81-C97B-450A-914E-10B45898C407}" type="datetime1">
              <a:rPr lang="da-DK" smtClean="0"/>
              <a:t>09-04-2026</a:t>
            </a:fld>
            <a:r>
              <a:rPr lang="da-DK"/>
              <a:t>02-05-2025</a:t>
            </a:r>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1292900958"/>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showMasterSp="0" preserve="1" userDrawn="1">
  <p:cSld name="End slide Aarhus Universitet">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5" name="LAN_AUWBreak"/>
          <p:cNvSpPr/>
          <p:nvPr userDrawn="1"/>
        </p:nvSpPr>
        <p:spPr bwMode="auto">
          <a:xfrm>
            <a:off x="6022613" y="2804400"/>
            <a:ext cx="65" cy="757567"/>
          </a:xfrm>
          <a:prstGeom prst="rect">
            <a:avLst/>
          </a:prstGeom>
          <a:noFill/>
          <a:ln w="1778" cap="flat" cmpd="sng" algn="ctr">
            <a:noFill/>
            <a:prstDash val="solid"/>
            <a:round/>
            <a:headEnd type="none" w="med" len="med"/>
            <a:tailEnd type="none" w="med" len="med"/>
          </a:ln>
          <a:effectLst/>
        </p:spPr>
        <p:txBody>
          <a:bodyPr vert="horz" wrap="none" lIns="0" tIns="183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4000" b="0" i="0" u="none" strike="noStrike" cap="all" normalizeH="0" baseline="0" noProof="1">
                <a:ln>
                  <a:noFill/>
                </a:ln>
                <a:solidFill>
                  <a:schemeClr val="bg1"/>
                </a:solidFill>
                <a:effectLst/>
                <a:latin typeface="AU Passata" pitchFamily="34" charset="0"/>
              </a:rPr>
              <a:t>Aarhus 
Universitet</a:t>
            </a:r>
          </a:p>
        </p:txBody>
      </p:sp>
      <p:pic>
        <p:nvPicPr>
          <p:cNvPr id="6" name="Logo white"/>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318268" y="2864711"/>
            <a:ext cx="2228400" cy="1116990"/>
          </a:xfrm>
          <a:prstGeom prst="rect">
            <a:avLst/>
          </a:prstGeom>
        </p:spPr>
      </p:pic>
      <p:sp>
        <p:nvSpPr>
          <p:cNvPr id="7" name="Date Placeholder 4" hidden="1"/>
          <p:cNvSpPr>
            <a:spLocks noGrp="1"/>
          </p:cNvSpPr>
          <p:nvPr>
            <p:ph type="dt" sz="half" idx="10"/>
          </p:nvPr>
        </p:nvSpPr>
        <p:spPr>
          <a:xfrm>
            <a:off x="0" y="7020000"/>
            <a:ext cx="0" cy="0"/>
          </a:xfrm>
        </p:spPr>
        <p:txBody>
          <a:bodyPr/>
          <a:lstStyle/>
          <a:p>
            <a:fld id="{56BFC38C-52CA-4CA6-813E-2F868AE72186}" type="datetime1">
              <a:rPr lang="da-DK" smtClean="0"/>
              <a:t>09-04-2026</a:t>
            </a:fld>
            <a:r>
              <a:rPr lang="da-DK"/>
              <a:t>02-05-2025</a:t>
            </a:r>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2362762905"/>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showMasterSp="0" userDrawn="1">
  <p:cSld name="Title light">
    <p:bg>
      <p:bgPr>
        <a:solidFill>
          <a:srgbClr val="FFFFFF"/>
        </a:solidFill>
        <a:effectLst/>
      </p:bgPr>
    </p:bg>
    <p:spTree>
      <p:nvGrpSpPr>
        <p:cNvPr id="1" name=""/>
        <p:cNvGrpSpPr/>
        <p:nvPr/>
      </p:nvGrpSpPr>
      <p:grpSpPr>
        <a:xfrm>
          <a:off x="0" y="0"/>
          <a:ext cx="0" cy="0"/>
          <a:chOff x="0" y="0"/>
          <a:chExt cx="0" cy="0"/>
        </a:xfrm>
      </p:grpSpPr>
      <p:sp>
        <p:nvSpPr>
          <p:cNvPr id="34819" name="Title 1"/>
          <p:cNvSpPr>
            <a:spLocks noGrp="1" noChangeArrowheads="1"/>
          </p:cNvSpPr>
          <p:nvPr>
            <p:ph type="ctrTitle" hasCustomPrompt="1"/>
          </p:nvPr>
        </p:nvSpPr>
        <p:spPr>
          <a:xfrm>
            <a:off x="985838" y="1911023"/>
            <a:ext cx="10220325" cy="1661993"/>
          </a:xfrm>
        </p:spPr>
        <p:txBody>
          <a:bodyPr wrap="square" anchor="ctr" anchorCtr="0">
            <a:spAutoFit/>
          </a:bodyPr>
          <a:lstStyle>
            <a:lvl1pPr>
              <a:lnSpc>
                <a:spcPct val="90000"/>
              </a:lnSpc>
              <a:defRPr sz="6000" b="0" baseline="0">
                <a:solidFill>
                  <a:schemeClr val="bg1"/>
                </a:solidFill>
                <a:latin typeface="AU Passata Light" panose="020B0303030902030804" pitchFamily="34" charset="0"/>
              </a:defRPr>
            </a:lvl1pPr>
          </a:lstStyle>
          <a:p>
            <a:pPr lvl="0"/>
            <a:r>
              <a:rPr lang="da-DK" err="1"/>
              <a:t>Click</a:t>
            </a:r>
            <a:r>
              <a:rPr lang="da-DK"/>
              <a:t> to </a:t>
            </a:r>
            <a:r>
              <a:rPr lang="da-DK" err="1"/>
              <a:t>edit</a:t>
            </a:r>
            <a:r>
              <a:rPr lang="da-DK"/>
              <a:t> Master </a:t>
            </a:r>
            <a:r>
              <a:rPr lang="da-DK" err="1"/>
              <a:t>title</a:t>
            </a:r>
            <a:r>
              <a:rPr lang="da-DK"/>
              <a:t> styles</a:t>
            </a:r>
            <a:br>
              <a:rPr lang="da-DK"/>
            </a:br>
            <a:endParaRPr lang="da-DK"/>
          </a:p>
        </p:txBody>
      </p:sp>
      <p:sp>
        <p:nvSpPr>
          <p:cNvPr id="15" name="TextBox 14"/>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33"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4"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DATO</a:t>
            </a:r>
          </a:p>
        </p:txBody>
      </p:sp>
      <p:sp>
        <p:nvSpPr>
          <p:cNvPr id="36"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TITEL</a:t>
            </a:r>
          </a:p>
        </p:txBody>
      </p:sp>
      <p:sp>
        <p:nvSpPr>
          <p:cNvPr id="35"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r>
              <a:rPr lang="da-DK" sz="700" b="0" cap="all" baseline="0">
                <a:solidFill>
                  <a:schemeClr val="bg1"/>
                </a:solidFill>
                <a:latin typeface="+mn-lt"/>
              </a:rPr>
              <a:t>TIITEL</a:t>
            </a:r>
          </a:p>
        </p:txBody>
      </p:sp>
      <p:sp>
        <p:nvSpPr>
          <p:cNvPr id="37"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NAVN</a:t>
            </a:r>
          </a:p>
        </p:txBody>
      </p:sp>
      <p:sp>
        <p:nvSpPr>
          <p:cNvPr id="39"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6"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116893132" name="SecondaryLogo"/>
          <p:cNvPicPr>
            <a:picLocks noChangeAspect="1"/>
          </p:cNvPicPr>
          <p:nvPr/>
        </p:nvPicPr>
        <p:blipFill>
          <a:blip r:embed="rId3"/>
          <a:stretch>
            <a:fillRect/>
          </a:stretch>
        </p:blipFill>
        <p:spPr>
          <a:xfrm>
            <a:off x="10206000" y="5997600"/>
            <a:ext cx="1658237" cy="558000"/>
          </a:xfrm>
          <a:prstGeom prst="rect">
            <a:avLst/>
          </a:prstGeom>
        </p:spPr>
      </p:pic>
      <p:pic>
        <p:nvPicPr>
          <p:cNvPr id="18" name="Billede streg"/>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4" name="Slide Number Placeholder 3"/>
          <p:cNvSpPr>
            <a:spLocks noGrp="1"/>
          </p:cNvSpPr>
          <p:nvPr>
            <p:ph type="sldNum" sz="quarter" idx="12"/>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175BE9D0-9FE4-4474-BEDB-C30B9D52DA8F}" type="datetime1">
              <a:rPr lang="da-DK" smtClean="0"/>
              <a:t>09-04-2026</a:t>
            </a:fld>
            <a:r>
              <a:rPr lang="da-DK"/>
              <a:t>18-08-2024</a:t>
            </a:r>
          </a:p>
        </p:txBody>
      </p:sp>
      <p:sp>
        <p:nvSpPr>
          <p:cNvPr id="3" name="Footer Placeholder 2" hidden="1"/>
          <p:cNvSpPr>
            <a:spLocks noGrp="1"/>
          </p:cNvSpPr>
          <p:nvPr>
            <p:ph type="ftr" sz="quarter" idx="11"/>
          </p:nvPr>
        </p:nvSpPr>
        <p:spPr/>
        <p:txBody>
          <a:bodyPr/>
          <a:lstStyle/>
          <a:p>
            <a:endParaRPr lang="da-DK"/>
          </a:p>
        </p:txBody>
      </p:sp>
      <p:pic>
        <p:nvPicPr>
          <p:cNvPr id="5" name="SecondaryLogo_sort">
            <a:extLst>
              <a:ext uri="{FF2B5EF4-FFF2-40B4-BE49-F238E27FC236}">
                <a16:creationId xmlns:a16="http://schemas.microsoft.com/office/drawing/2014/main" id="{4E68FC47-DEEC-A489-646A-D8C49353A11A}"/>
              </a:ext>
            </a:extLst>
          </p:cNvPr>
          <p:cNvPicPr>
            <a:picLocks noChangeAspect="1"/>
          </p:cNvPicPr>
          <p:nvPr userDrawn="1"/>
        </p:nvPicPr>
        <p:blipFill>
          <a:blip r:embed="rId5"/>
          <a:stretch>
            <a:fillRect/>
          </a:stretch>
        </p:blipFill>
        <p:spPr>
          <a:xfrm>
            <a:off x="10358400" y="6150000"/>
            <a:ext cx="1658237" cy="558000"/>
          </a:xfrm>
          <a:prstGeom prst="rect">
            <a:avLst/>
          </a:prstGeom>
        </p:spPr>
      </p:pic>
    </p:spTree>
    <p:extLst>
      <p:ext uri="{BB962C8B-B14F-4D97-AF65-F5344CB8AC3E}">
        <p14:creationId xmlns:p14="http://schemas.microsoft.com/office/powerpoint/2010/main" val="1871995719"/>
      </p:ext>
    </p:extLst>
  </p:cSld>
  <p:clrMapOvr>
    <a:masterClrMapping/>
  </p:clrMapOvr>
  <p:transition spd="slow">
    <p:fade/>
  </p:transition>
</p:sldLayout>
</file>

<file path=ppt/slideLayouts/slideLayout116.xml><?xml version="1.0" encoding="utf-8"?>
<p:sldLayout xmlns:a="http://schemas.openxmlformats.org/drawingml/2006/main" xmlns:r="http://schemas.openxmlformats.org/officeDocument/2006/relationships" xmlns:p="http://schemas.openxmlformats.org/presentationml/2006/main" showMasterSp="0" preserve="1" userDrawn="1">
  <p:cSld name="Title light">
    <p:bg>
      <p:bgPr>
        <a:solidFill>
          <a:srgbClr val="CEDAD8"/>
        </a:solidFill>
        <a:effectLst/>
      </p:bgPr>
    </p:bg>
    <p:spTree>
      <p:nvGrpSpPr>
        <p:cNvPr id="1" name=""/>
        <p:cNvGrpSpPr/>
        <p:nvPr/>
      </p:nvGrpSpPr>
      <p:grpSpPr>
        <a:xfrm>
          <a:off x="0" y="0"/>
          <a:ext cx="0" cy="0"/>
          <a:chOff x="0" y="0"/>
          <a:chExt cx="0" cy="0"/>
        </a:xfrm>
      </p:grpSpPr>
      <p:sp>
        <p:nvSpPr>
          <p:cNvPr id="34819" name="Title 1"/>
          <p:cNvSpPr>
            <a:spLocks noGrp="1" noChangeArrowheads="1"/>
          </p:cNvSpPr>
          <p:nvPr>
            <p:ph type="ctrTitle" hasCustomPrompt="1"/>
          </p:nvPr>
        </p:nvSpPr>
        <p:spPr>
          <a:xfrm>
            <a:off x="985838" y="1911023"/>
            <a:ext cx="10220325" cy="1661993"/>
          </a:xfrm>
        </p:spPr>
        <p:txBody>
          <a:bodyPr wrap="square" anchor="ctr" anchorCtr="0">
            <a:spAutoFit/>
          </a:bodyPr>
          <a:lstStyle>
            <a:lvl1pPr>
              <a:lnSpc>
                <a:spcPct val="90000"/>
              </a:lnSpc>
              <a:defRPr sz="6000" b="0" baseline="0">
                <a:solidFill>
                  <a:schemeClr val="bg1"/>
                </a:solidFill>
                <a:latin typeface="AU Passata Light" panose="020B0303030902030804" pitchFamily="34" charset="0"/>
              </a:defRPr>
            </a:lvl1pPr>
          </a:lstStyle>
          <a:p>
            <a:pPr lvl="0"/>
            <a:r>
              <a:rPr lang="da-DK"/>
              <a:t>Klik for at </a:t>
            </a:r>
            <a:br>
              <a:rPr lang="da-DK"/>
            </a:br>
            <a:r>
              <a:rPr lang="da-DK"/>
              <a:t>indsætte titel</a:t>
            </a:r>
          </a:p>
        </p:txBody>
      </p:sp>
      <p:sp>
        <p:nvSpPr>
          <p:cNvPr id="15" name="TextBox 14"/>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39" name="OFF_logo1Computed"/>
          <p:cNvSpPr/>
          <p:nvPr userDrawn="1"/>
        </p:nvSpPr>
        <p:spPr bwMode="auto">
          <a:xfrm flipH="1">
            <a:off x="972064" y="5997600"/>
            <a:ext cx="1780661" cy="589622"/>
          </a:xfrm>
          <a:prstGeom prst="rect">
            <a:avLst/>
          </a:prstGeom>
          <a:noFill/>
          <a:ln w="1778" cap="flat" cmpd="sng" algn="ctr">
            <a:noFill/>
            <a:prstDash val="solid"/>
            <a:round/>
            <a:headEnd type="none" w="med" len="med"/>
            <a:tailEnd type="none" w="med" len="med"/>
          </a:ln>
          <a:effectLst/>
        </p:spPr>
        <p:txBody>
          <a:bodyPr vert="horz" wrap="squar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6"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116893132" name="SecondaryLogo"/>
          <p:cNvPicPr>
            <a:picLocks noChangeAspect="1"/>
          </p:cNvPicPr>
          <p:nvPr userDrawn="1"/>
        </p:nvPicPr>
        <p:blipFill>
          <a:blip r:embed="rId3"/>
          <a:stretch>
            <a:fillRect/>
          </a:stretch>
        </p:blipFill>
        <p:spPr>
          <a:xfrm>
            <a:off x="10206000" y="5997600"/>
            <a:ext cx="1658237" cy="558000"/>
          </a:xfrm>
          <a:prstGeom prst="rect">
            <a:avLst/>
          </a:prstGeom>
        </p:spPr>
      </p:pic>
      <p:sp>
        <p:nvSpPr>
          <p:cNvPr id="4" name="Slide Number Placeholder 3"/>
          <p:cNvSpPr>
            <a:spLocks noGrp="1"/>
          </p:cNvSpPr>
          <p:nvPr>
            <p:ph type="sldNum" sz="quarter" idx="12"/>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0DB01356-0DB2-49AB-9D79-26CF2889033E}"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963021545"/>
      </p:ext>
    </p:extLst>
  </p:cSld>
  <p:clrMapOvr>
    <a:masterClrMapping/>
  </p:clrMapOvr>
  <p:transition spd="slow">
    <p:fade/>
  </p:transition>
</p:sldLayout>
</file>

<file path=ppt/slideLayouts/slideLayout117.xml><?xml version="1.0" encoding="utf-8"?>
<p:sldLayout xmlns:a="http://schemas.openxmlformats.org/drawingml/2006/main" xmlns:r="http://schemas.openxmlformats.org/officeDocument/2006/relationships" xmlns:p="http://schemas.openxmlformats.org/presentationml/2006/main" showMasterSp="0" preserve="1" userDrawn="1">
  <p:cSld name="Title bold">
    <p:spTree>
      <p:nvGrpSpPr>
        <p:cNvPr id="1" name=""/>
        <p:cNvGrpSpPr/>
        <p:nvPr/>
      </p:nvGrpSpPr>
      <p:grpSpPr>
        <a:xfrm>
          <a:off x="0" y="0"/>
          <a:ext cx="0" cy="0"/>
          <a:chOff x="0" y="0"/>
          <a:chExt cx="0" cy="0"/>
        </a:xfrm>
      </p:grpSpPr>
      <p:sp>
        <p:nvSpPr>
          <p:cNvPr id="22"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34819" name="Title 1"/>
          <p:cNvSpPr>
            <a:spLocks noGrp="1" noChangeArrowheads="1"/>
          </p:cNvSpPr>
          <p:nvPr>
            <p:ph type="ctrTitle" hasCustomPrompt="1"/>
          </p:nvPr>
        </p:nvSpPr>
        <p:spPr>
          <a:xfrm>
            <a:off x="985838" y="1911023"/>
            <a:ext cx="10220325" cy="1661993"/>
          </a:xfrm>
        </p:spPr>
        <p:txBody>
          <a:bodyPr wrap="square" anchor="ctr" anchorCtr="0">
            <a:spAutoFit/>
          </a:bodyPr>
          <a:lstStyle>
            <a:lvl1pPr>
              <a:lnSpc>
                <a:spcPct val="90000"/>
              </a:lnSpc>
              <a:defRPr sz="6000" baseline="0">
                <a:solidFill>
                  <a:schemeClr val="bg1"/>
                </a:solidFill>
                <a:latin typeface="+mn-lt"/>
              </a:defRPr>
            </a:lvl1pPr>
          </a:lstStyle>
          <a:p>
            <a:pPr lvl="0"/>
            <a:r>
              <a:rPr lang="da-DK"/>
              <a:t>Klik for at </a:t>
            </a:r>
            <a:br>
              <a:rPr lang="da-DK"/>
            </a:br>
            <a:r>
              <a:rPr lang="da-DK"/>
              <a:t>indsætte titel</a:t>
            </a:r>
          </a:p>
        </p:txBody>
      </p:sp>
      <p:sp>
        <p:nvSpPr>
          <p:cNvPr id="14" name="TextBox 13"/>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Light</a:t>
            </a:r>
            <a:endParaRPr lang="da-DK" sz="4799"/>
          </a:p>
        </p:txBody>
      </p:sp>
      <p:sp>
        <p:nvSpPr>
          <p:cNvPr id="25"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a:noFill/>
        </p:spPr>
      </p:pic>
      <p:pic>
        <p:nvPicPr>
          <p:cNvPr id="614507352" name="SecondaryLogo"/>
          <p:cNvPicPr>
            <a:picLocks noChangeAspect="1"/>
          </p:cNvPicPr>
          <p:nvPr/>
        </p:nvPicPr>
        <p:blipFill>
          <a:blip r:embed="rId3"/>
          <a:stretch>
            <a:fillRect/>
          </a:stretch>
        </p:blipFill>
        <p:spPr>
          <a:xfrm>
            <a:off x="10206000" y="5997600"/>
            <a:ext cx="1658237" cy="558000"/>
          </a:xfrm>
          <a:prstGeom prst="rect">
            <a:avLst/>
          </a:prstGeom>
        </p:spPr>
      </p:pic>
      <p:sp>
        <p:nvSpPr>
          <p:cNvPr id="4" name="Slide Number Placeholder 3"/>
          <p:cNvSpPr>
            <a:spLocks noGrp="1"/>
          </p:cNvSpPr>
          <p:nvPr>
            <p:ph type="sldNum" sz="quarter" idx="12"/>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6DEFB539-5A9B-419C-A971-228B0F4F146D}"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55338165"/>
      </p:ext>
    </p:extLst>
  </p:cSld>
  <p:clrMapOvr>
    <a:masterClrMapping/>
  </p:clrMapOvr>
  <p:transition spd="slow">
    <p:fade/>
  </p:transition>
</p:sldLayout>
</file>

<file path=ppt/slideLayouts/slideLayout118.xml><?xml version="1.0" encoding="utf-8"?>
<p:sldLayout xmlns:a="http://schemas.openxmlformats.org/drawingml/2006/main" xmlns:r="http://schemas.openxmlformats.org/officeDocument/2006/relationships" xmlns:p="http://schemas.openxmlformats.org/presentationml/2006/main" showMasterSp="0" preserve="1" userDrawn="1">
  <p:cSld name="Title with subtitle">
    <p:spTree>
      <p:nvGrpSpPr>
        <p:cNvPr id="1" name=""/>
        <p:cNvGrpSpPr/>
        <p:nvPr/>
      </p:nvGrpSpPr>
      <p:grpSpPr>
        <a:xfrm>
          <a:off x="0" y="0"/>
          <a:ext cx="0" cy="0"/>
          <a:chOff x="0" y="0"/>
          <a:chExt cx="0" cy="0"/>
        </a:xfrm>
      </p:grpSpPr>
      <p:sp>
        <p:nvSpPr>
          <p:cNvPr id="21"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34819" name="Title 1"/>
          <p:cNvSpPr>
            <a:spLocks noGrp="1" noChangeArrowheads="1"/>
          </p:cNvSpPr>
          <p:nvPr>
            <p:ph type="ctrTitle" hasCustomPrompt="1"/>
          </p:nvPr>
        </p:nvSpPr>
        <p:spPr>
          <a:xfrm>
            <a:off x="981844" y="1772816"/>
            <a:ext cx="9543307" cy="1779553"/>
          </a:xfrm>
        </p:spPr>
        <p:txBody>
          <a:bodyPr wrap="square" anchor="b" anchorCtr="0">
            <a:noAutofit/>
          </a:bodyPr>
          <a:lstStyle>
            <a:lvl1pPr>
              <a:lnSpc>
                <a:spcPct val="90000"/>
              </a:lnSpc>
              <a:defRPr sz="6000" baseline="0">
                <a:solidFill>
                  <a:schemeClr val="bg1"/>
                </a:solidFill>
                <a:latin typeface="+mn-lt"/>
              </a:defRPr>
            </a:lvl1pPr>
          </a:lstStyle>
          <a:p>
            <a:pPr lvl="0"/>
            <a:r>
              <a:rPr lang="da-DK"/>
              <a:t>Klik for at </a:t>
            </a:r>
            <a:br>
              <a:rPr lang="da-DK"/>
            </a:br>
            <a:r>
              <a:rPr lang="da-DK"/>
              <a:t>indsætte titel</a:t>
            </a:r>
          </a:p>
        </p:txBody>
      </p:sp>
      <p:sp>
        <p:nvSpPr>
          <p:cNvPr id="4" name="Text Placeholder 3"/>
          <p:cNvSpPr>
            <a:spLocks noGrp="1"/>
          </p:cNvSpPr>
          <p:nvPr>
            <p:ph type="body" sz="quarter" idx="11" hasCustomPrompt="1"/>
          </p:nvPr>
        </p:nvSpPr>
        <p:spPr>
          <a:xfrm>
            <a:off x="985837" y="3572639"/>
            <a:ext cx="9539313" cy="1746085"/>
          </a:xfrm>
        </p:spPr>
        <p:txBody>
          <a:bodyPr/>
          <a:lstStyle>
            <a:lvl1pPr marL="0" indent="0">
              <a:lnSpc>
                <a:spcPct val="90000"/>
              </a:lnSpc>
              <a:buFontTx/>
              <a:buNone/>
              <a:defRPr sz="4000" b="0">
                <a:solidFill>
                  <a:schemeClr val="bg1"/>
                </a:solidFill>
                <a:latin typeface="AU Passata Light" panose="020B0303030902030804" pitchFamily="34" charset="77"/>
              </a:defRPr>
            </a:lvl1pPr>
            <a:lvl2pPr marL="252000" indent="0">
              <a:buNone/>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indsætte tekst</a:t>
            </a:r>
          </a:p>
        </p:txBody>
      </p:sp>
      <p:sp>
        <p:nvSpPr>
          <p:cNvPr id="38"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43"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183336059" name="SecondaryLogo"/>
          <p:cNvPicPr>
            <a:picLocks noChangeAspect="1"/>
          </p:cNvPicPr>
          <p:nvPr/>
        </p:nvPicPr>
        <p:blipFill>
          <a:blip r:embed="rId3"/>
          <a:stretch>
            <a:fillRect/>
          </a:stretch>
        </p:blipFill>
        <p:spPr>
          <a:xfrm>
            <a:off x="10206000" y="5997600"/>
            <a:ext cx="1658237" cy="558000"/>
          </a:xfrm>
          <a:prstGeom prst="rect">
            <a:avLst/>
          </a:prstGeom>
        </p:spPr>
      </p:pic>
      <p:sp>
        <p:nvSpPr>
          <p:cNvPr id="5" name="Slide Number Placeholder 4"/>
          <p:cNvSpPr>
            <a:spLocks noGrp="1"/>
          </p:cNvSpPr>
          <p:nvPr>
            <p:ph type="sldNum" sz="quarter" idx="14"/>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2"/>
          </p:nvPr>
        </p:nvSpPr>
        <p:spPr/>
        <p:txBody>
          <a:bodyPr/>
          <a:lstStyle/>
          <a:p>
            <a:fld id="{0773D993-6F70-4244-8EA3-7B4EEFFBA332}" type="datetime1">
              <a:rPr lang="da-DK" smtClean="0"/>
              <a:t>09-04-2026</a:t>
            </a:fld>
            <a:r>
              <a:rPr lang="da-DK"/>
              <a:t>18-08-2024</a:t>
            </a:r>
          </a:p>
        </p:txBody>
      </p:sp>
      <p:sp>
        <p:nvSpPr>
          <p:cNvPr id="3" name="Footer Placeholder 2" hidden="1"/>
          <p:cNvSpPr>
            <a:spLocks noGrp="1"/>
          </p:cNvSpPr>
          <p:nvPr>
            <p:ph type="ftr" sz="quarter" idx="13"/>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759391858"/>
      </p:ext>
    </p:extLst>
  </p:cSld>
  <p:clrMapOvr>
    <a:masterClrMapping/>
  </p:clrMapOvr>
  <p:transition spd="slow">
    <p:fade/>
  </p:transition>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Title preheader and content">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985838" y="889170"/>
            <a:ext cx="10887075" cy="826973"/>
          </a:xfrm>
        </p:spPr>
        <p:txBody>
          <a:bodyPr anchor="t" anchorCtr="0"/>
          <a:lstStyle>
            <a:lvl1pPr>
              <a:defRPr>
                <a:solidFill>
                  <a:schemeClr val="tx1"/>
                </a:solidFill>
              </a:defRPr>
            </a:lvl1pPr>
          </a:lstStyle>
          <a:p>
            <a:r>
              <a:rPr lang="da-DK"/>
              <a:t>Klik for at indsætte titel</a:t>
            </a:r>
          </a:p>
        </p:txBody>
      </p:sp>
      <p:sp>
        <p:nvSpPr>
          <p:cNvPr id="3" name="Content Placeholder 2"/>
          <p:cNvSpPr>
            <a:spLocks noGrp="1"/>
          </p:cNvSpPr>
          <p:nvPr>
            <p:ph idx="1" hasCustomPrompt="1"/>
          </p:nvPr>
        </p:nvSpPr>
        <p:spPr>
          <a:xfrm>
            <a:off x="985838" y="1960079"/>
            <a:ext cx="10220325" cy="3937484"/>
          </a:xfrm>
        </p:spPr>
        <p:txBody>
          <a:bodyPr/>
          <a:lstStyle>
            <a:lvl1pPr marL="0" indent="0">
              <a:buFont typeface="Calibri" panose="020F0502020204030204" pitchFamily="34" charset="0"/>
              <a:buChar char="​"/>
              <a:defRPr sz="3000">
                <a:solidFill>
                  <a:schemeClr val="tx1"/>
                </a:solidFill>
              </a:defRPr>
            </a:lvl1pPr>
            <a:lvl2pPr>
              <a:defRPr sz="3000">
                <a:solidFill>
                  <a:schemeClr val="tx1"/>
                </a:solidFill>
              </a:defRPr>
            </a:lvl2pPr>
            <a:lvl3pPr>
              <a:defRPr sz="3000">
                <a:solidFill>
                  <a:schemeClr val="tx1"/>
                </a:solidFill>
              </a:defRPr>
            </a:lvl3pPr>
            <a:lvl4pPr>
              <a:defRPr sz="3000">
                <a:solidFill>
                  <a:schemeClr val="tx1"/>
                </a:solidFill>
              </a:defRPr>
            </a:lvl4pPr>
            <a:lvl5pPr>
              <a:defRPr sz="3000">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38A40A71-0E9E-40C2-AF71-4B8A8FCF06E5}"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
        <p:nvSpPr>
          <p:cNvPr id="4" name="Content Placeholder 2">
            <a:extLst>
              <a:ext uri="{FF2B5EF4-FFF2-40B4-BE49-F238E27FC236}">
                <a16:creationId xmlns:a16="http://schemas.microsoft.com/office/drawing/2014/main" id="{F3CA422C-9990-5CC0-B923-D931FE9FC47E}"/>
              </a:ext>
            </a:extLst>
          </p:cNvPr>
          <p:cNvSpPr>
            <a:spLocks noGrp="1"/>
          </p:cNvSpPr>
          <p:nvPr>
            <p:ph idx="13" hasCustomPrompt="1"/>
          </p:nvPr>
        </p:nvSpPr>
        <p:spPr>
          <a:xfrm>
            <a:off x="985838" y="315913"/>
            <a:ext cx="10220325" cy="376783"/>
          </a:xfrm>
        </p:spPr>
        <p:txBody>
          <a:bodyPr/>
          <a:lstStyle>
            <a:lvl1pPr marL="0" indent="0">
              <a:buFont typeface="Calibri" panose="020F0502020204030204" pitchFamily="34" charset="0"/>
              <a:buChar char="​"/>
              <a:defRPr sz="2000">
                <a:solidFill>
                  <a:schemeClr val="tx1"/>
                </a:solidFill>
                <a:latin typeface="AU Passata Light" panose="020B0303030902030804" pitchFamily="34" charset="77"/>
              </a:defRPr>
            </a:lvl1pPr>
            <a:lvl2pPr>
              <a:defRPr sz="3000">
                <a:solidFill>
                  <a:srgbClr val="002546"/>
                </a:solidFill>
              </a:defRPr>
            </a:lvl2pPr>
            <a:lvl3pPr>
              <a:defRPr sz="3000">
                <a:solidFill>
                  <a:srgbClr val="002546"/>
                </a:solidFill>
              </a:defRPr>
            </a:lvl3pPr>
            <a:lvl4pPr>
              <a:defRPr sz="3000">
                <a:solidFill>
                  <a:srgbClr val="002546"/>
                </a:solidFill>
              </a:defRPr>
            </a:lvl4pPr>
            <a:lvl5pPr>
              <a:defRPr sz="3000">
                <a:solidFill>
                  <a:srgbClr val="002546"/>
                </a:solidFill>
              </a:defRPr>
            </a:lvl5pPr>
          </a:lstStyle>
          <a:p>
            <a:pPr lvl="0"/>
            <a:r>
              <a:rPr lang="da-DK"/>
              <a:t>KLIK FOR AT INDSÆTTE TEKST</a:t>
            </a:r>
          </a:p>
        </p:txBody>
      </p:sp>
    </p:spTree>
    <p:extLst>
      <p:ext uri="{BB962C8B-B14F-4D97-AF65-F5344CB8AC3E}">
        <p14:creationId xmlns:p14="http://schemas.microsoft.com/office/powerpoint/2010/main" val="2920849242"/>
      </p:ext>
    </p:extLst>
  </p:cSld>
  <p:clrMapOvr>
    <a:masterClrMapping/>
  </p:clrMapOvr>
  <p:transition spd="slow">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l slide picture">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315913" y="315913"/>
            <a:ext cx="11557000" cy="6220354"/>
          </a:xfrm>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82FE95BF-7777-4841-901C-0DAEBC8A0F2D}" type="datetime1">
              <a:rPr lang="da-DK" smtClean="0"/>
              <a:t>09-04-2026</a:t>
            </a:fld>
            <a:endParaRPr lang="da-DK"/>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1534947697"/>
      </p:ext>
    </p:extLst>
  </p:cSld>
  <p:clrMapOvr>
    <a:masterClrMapping/>
  </p:clrMapOvr>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Title two lines and content">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985838" y="315913"/>
            <a:ext cx="10887075" cy="1240878"/>
          </a:xfrm>
        </p:spPr>
        <p:txBody>
          <a:bodyPr anchor="t" anchorCtr="0"/>
          <a:lstStyle>
            <a:lvl1pPr>
              <a:defRPr>
                <a:solidFill>
                  <a:schemeClr val="tx1"/>
                </a:solidFill>
              </a:defRPr>
            </a:lvl1pPr>
          </a:lstStyle>
          <a:p>
            <a:r>
              <a:rPr lang="da-DK"/>
              <a:t>Klik for at indsætte titel</a:t>
            </a:r>
          </a:p>
        </p:txBody>
      </p:sp>
      <p:sp>
        <p:nvSpPr>
          <p:cNvPr id="3" name="Content Placeholder 2"/>
          <p:cNvSpPr>
            <a:spLocks noGrp="1"/>
          </p:cNvSpPr>
          <p:nvPr>
            <p:ph idx="1" hasCustomPrompt="1"/>
          </p:nvPr>
        </p:nvSpPr>
        <p:spPr>
          <a:xfrm>
            <a:off x="985838" y="1960079"/>
            <a:ext cx="10220325" cy="3937484"/>
          </a:xfrm>
        </p:spPr>
        <p:txBody>
          <a:bodyPr/>
          <a:lstStyle>
            <a:lvl1pPr marL="0" indent="0">
              <a:buFont typeface="Calibri" panose="020F0502020204030204" pitchFamily="34" charset="0"/>
              <a:buChar char="​"/>
              <a:defRPr sz="3000">
                <a:solidFill>
                  <a:schemeClr val="tx1"/>
                </a:solidFill>
              </a:defRPr>
            </a:lvl1pPr>
            <a:lvl2pPr>
              <a:defRPr sz="3000">
                <a:solidFill>
                  <a:schemeClr val="tx1"/>
                </a:solidFill>
              </a:defRPr>
            </a:lvl2pPr>
            <a:lvl3pPr>
              <a:defRPr sz="3000">
                <a:solidFill>
                  <a:schemeClr val="tx1"/>
                </a:solidFill>
              </a:defRPr>
            </a:lvl3pPr>
            <a:lvl4pPr>
              <a:defRPr sz="3000">
                <a:solidFill>
                  <a:schemeClr val="tx1"/>
                </a:solidFill>
              </a:defRPr>
            </a:lvl4pPr>
            <a:lvl5pPr>
              <a:defRPr sz="3000">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5" name="TextBox 4"/>
          <p:cNvSpPr txBox="1"/>
          <p:nvPr userDrawn="1"/>
        </p:nvSpPr>
        <p:spPr>
          <a:xfrm>
            <a:off x="-1973598" y="340161"/>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a:p>
          <a:p>
            <a:pPr algn="r">
              <a:lnSpc>
                <a:spcPct val="100000"/>
              </a:lnSpc>
            </a:pPr>
            <a:r>
              <a:rPr lang="da-DK" sz="1000" baseline="0" noProof="1">
                <a:solidFill>
                  <a:schemeClr val="tx1">
                    <a:lumMod val="75000"/>
                    <a:lumOff val="25000"/>
                  </a:schemeClr>
                </a:solidFill>
              </a:rPr>
              <a:t>ændr evt. 2. linje til</a:t>
            </a:r>
            <a:endParaRPr lang="da-DK"/>
          </a:p>
          <a:p>
            <a:pPr algn="r">
              <a:lnSpc>
                <a:spcPct val="100000"/>
              </a:lnSpc>
            </a:pPr>
            <a:r>
              <a:rPr lang="da-DK" sz="1000" noProof="1">
                <a:solidFill>
                  <a:schemeClr val="tx1">
                    <a:lumMod val="75000"/>
                    <a:lumOff val="25000"/>
                  </a:schemeClr>
                </a:solidFill>
              </a:rPr>
              <a:t>AU Passata Light</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DA3ED013-83B1-4C02-815E-EB24F5A8D4A4}"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842370364"/>
      </p:ext>
    </p:extLst>
  </p:cSld>
  <p:clrMapOvr>
    <a:masterClrMapping/>
  </p:clrMapOvr>
  <p:transition spd="slow">
    <p:fade/>
  </p:transition>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One line title and content">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985837" y="315913"/>
            <a:ext cx="10886075" cy="664815"/>
          </a:xfrm>
        </p:spPr>
        <p:txBody>
          <a:bodyPr anchor="t" anchorCtr="0"/>
          <a:lstStyle>
            <a:lvl1pPr>
              <a:defRPr>
                <a:solidFill>
                  <a:schemeClr val="tx1"/>
                </a:solidFill>
              </a:defRPr>
            </a:lvl1pPr>
          </a:lstStyle>
          <a:p>
            <a:pPr lvl="0"/>
            <a:r>
              <a:rPr lang="da-DK"/>
              <a:t>Klik for at indsætte titel</a:t>
            </a:r>
          </a:p>
        </p:txBody>
      </p:sp>
      <p:sp>
        <p:nvSpPr>
          <p:cNvPr id="3" name="Content Placeholder 2"/>
          <p:cNvSpPr>
            <a:spLocks noGrp="1"/>
          </p:cNvSpPr>
          <p:nvPr>
            <p:ph idx="1" hasCustomPrompt="1"/>
          </p:nvPr>
        </p:nvSpPr>
        <p:spPr>
          <a:xfrm>
            <a:off x="985838" y="1373189"/>
            <a:ext cx="10220325" cy="4521198"/>
          </a:xfrm>
        </p:spPr>
        <p:txBody>
          <a:bodyPr/>
          <a:lstStyle>
            <a:lvl1pPr marL="0" indent="0">
              <a:buFont typeface="Calibri" panose="020F0502020204030204" pitchFamily="34" charset="0"/>
              <a:buChar char="​"/>
              <a:defRPr sz="3000">
                <a:solidFill>
                  <a:schemeClr val="tx1"/>
                </a:solidFill>
              </a:defRPr>
            </a:lvl1pPr>
            <a:lvl2pPr>
              <a:defRPr sz="3000">
                <a:solidFill>
                  <a:schemeClr val="tx1"/>
                </a:solidFill>
              </a:defRPr>
            </a:lvl2pPr>
            <a:lvl3pPr>
              <a:defRPr sz="3000">
                <a:solidFill>
                  <a:schemeClr val="tx1"/>
                </a:solidFill>
              </a:defRPr>
            </a:lvl3pPr>
            <a:lvl4pPr>
              <a:defRPr sz="3000">
                <a:solidFill>
                  <a:schemeClr val="tx1"/>
                </a:solidFill>
              </a:defRPr>
            </a:lvl4pPr>
            <a:lvl5pPr>
              <a:defRPr sz="3000">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18" name="TextBox 17"/>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2C3897B9-BF4C-4AF8-ADC2-A94BAC132A63}"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372829969"/>
      </p:ext>
    </p:extLst>
  </p:cSld>
  <p:clrMapOvr>
    <a:masterClrMapping/>
  </p:clrMapOvr>
  <p:transition spd="slow">
    <p:fade/>
  </p:transition>
  <p:extLst>
    <p:ext uri="{DCECCB84-F9BA-43D5-87BE-67443E8EF086}">
      <p15:sldGuideLst xmlns:p15="http://schemas.microsoft.com/office/powerpoint/2012/main">
        <p15:guide id="1" orient="horz" pos="865">
          <p15:clr>
            <a:srgbClr val="000000"/>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Big header and content">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985837" y="315913"/>
            <a:ext cx="4964113" cy="664815"/>
          </a:xfrm>
        </p:spPr>
        <p:txBody>
          <a:bodyPr anchor="t" anchorCtr="0"/>
          <a:lstStyle>
            <a:lvl1pPr>
              <a:defRPr>
                <a:solidFill>
                  <a:schemeClr val="tx1"/>
                </a:solidFill>
              </a:defRPr>
            </a:lvl1pPr>
          </a:lstStyle>
          <a:p>
            <a:pPr lvl="0"/>
            <a:r>
              <a:rPr lang="da-DK"/>
              <a:t>Klik for at indsætte titel</a:t>
            </a:r>
          </a:p>
        </p:txBody>
      </p:sp>
      <p:sp>
        <p:nvSpPr>
          <p:cNvPr id="3" name="Content Placeholder 2"/>
          <p:cNvSpPr>
            <a:spLocks noGrp="1"/>
          </p:cNvSpPr>
          <p:nvPr>
            <p:ph idx="1" hasCustomPrompt="1"/>
          </p:nvPr>
        </p:nvSpPr>
        <p:spPr>
          <a:xfrm>
            <a:off x="6238428" y="315913"/>
            <a:ext cx="4967735" cy="5578474"/>
          </a:xfrm>
        </p:spPr>
        <p:txBody>
          <a:bodyPr/>
          <a:lstStyle>
            <a:lvl1pPr marL="0" indent="0">
              <a:buFont typeface="Calibri" panose="020F0502020204030204" pitchFamily="34" charset="0"/>
              <a:buChar char="​"/>
              <a:defRPr sz="2400">
                <a:solidFill>
                  <a:schemeClr val="tx1"/>
                </a:solidFill>
              </a:defRPr>
            </a:lvl1pPr>
            <a:lvl2pPr>
              <a:defRPr sz="2400">
                <a:solidFill>
                  <a:schemeClr val="tx1"/>
                </a:solidFill>
              </a:defRPr>
            </a:lvl2pPr>
            <a:lvl3pPr>
              <a:defRPr sz="2400">
                <a:solidFill>
                  <a:schemeClr val="tx1"/>
                </a:solidFill>
              </a:defRPr>
            </a:lvl3pPr>
            <a:lvl4pPr>
              <a:defRPr sz="2400">
                <a:solidFill>
                  <a:schemeClr val="tx1"/>
                </a:solidFill>
              </a:defRPr>
            </a:lvl4pPr>
            <a:lvl5pPr>
              <a:defRPr sz="2400">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a:p>
            <a:pPr lvl="4"/>
            <a:endParaRPr lang="da-DK"/>
          </a:p>
        </p:txBody>
      </p:sp>
      <p:sp>
        <p:nvSpPr>
          <p:cNvPr id="18" name="TextBox 17"/>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2B56330A-2E6F-44FE-9589-C0F199939E0E}"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368234235"/>
      </p:ext>
    </p:extLst>
  </p:cSld>
  <p:clrMapOvr>
    <a:masterClrMapping/>
  </p:clrMapOvr>
  <p:transition spd="slow">
    <p:fade/>
  </p:transition>
  <p:extLst>
    <p:ext uri="{DCECCB84-F9BA-43D5-87BE-67443E8EF086}">
      <p15:sldGuideLst xmlns:p15="http://schemas.microsoft.com/office/powerpoint/2012/main">
        <p15:guide id="1" orient="horz" pos="865">
          <p15:clr>
            <a:srgbClr val="000000"/>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85838" y="315912"/>
            <a:ext cx="4975225" cy="666887"/>
          </a:xfrm>
        </p:spPr>
        <p:txBody>
          <a:bodyPr anchor="t" anchorCtr="0"/>
          <a:lstStyle>
            <a:lvl1pPr>
              <a:lnSpc>
                <a:spcPct val="90000"/>
              </a:lnSpc>
              <a:defRPr>
                <a:solidFill>
                  <a:schemeClr val="tx1"/>
                </a:solidFill>
              </a:defRPr>
            </a:lvl1pPr>
          </a:lstStyle>
          <a:p>
            <a:r>
              <a:rPr lang="da-DK"/>
              <a:t>Klik for at indsætte titel</a:t>
            </a:r>
          </a:p>
        </p:txBody>
      </p:sp>
      <p:sp>
        <p:nvSpPr>
          <p:cNvPr id="10" name="Text Placeholder 2"/>
          <p:cNvSpPr>
            <a:spLocks noGrp="1"/>
          </p:cNvSpPr>
          <p:nvPr>
            <p:ph type="body" sz="quarter" idx="14" hasCustomPrompt="1"/>
          </p:nvPr>
        </p:nvSpPr>
        <p:spPr>
          <a:xfrm>
            <a:off x="985838" y="1958974"/>
            <a:ext cx="4975225" cy="3938589"/>
          </a:xfrm>
        </p:spPr>
        <p:txBody>
          <a:bodyPr/>
          <a:lstStyle>
            <a:lvl1pPr marL="0" indent="0">
              <a:buFont typeface="Calibri" panose="020F0502020204030204" pitchFamily="34" charset="0"/>
              <a:buChar cha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9" name="TextBox 8"/>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8" name="Slide Number Placeholder 7"/>
          <p:cNvSpPr>
            <a:spLocks noGrp="1"/>
          </p:cNvSpPr>
          <p:nvPr>
            <p:ph type="sldNum" sz="quarter" idx="17"/>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EDD1CF43-3841-4C72-8054-1566E49B3025}" type="datetime1">
              <a:rPr lang="da-DK" smtClean="0"/>
              <a:t>09-04-2026</a:t>
            </a:fld>
            <a:r>
              <a:rPr lang="da-DK"/>
              <a:t>18-08-2024</a:t>
            </a:r>
          </a:p>
        </p:txBody>
      </p:sp>
      <p:sp>
        <p:nvSpPr>
          <p:cNvPr id="6" name="Footer Placeholder 5" hidden="1"/>
          <p:cNvSpPr>
            <a:spLocks noGrp="1"/>
          </p:cNvSpPr>
          <p:nvPr>
            <p:ph type="ftr" sz="quarter" idx="16"/>
          </p:nvPr>
        </p:nvSpPr>
        <p:spPr>
          <a:xfrm>
            <a:off x="0" y="7020000"/>
            <a:ext cx="0" cy="0"/>
          </a:xfrm>
          <a:prstGeom prst="rect">
            <a:avLst/>
          </a:prstGeom>
        </p:spPr>
        <p:txBody>
          <a:bodyPr/>
          <a:lstStyle/>
          <a:p>
            <a:endParaRPr lang="da-DK"/>
          </a:p>
        </p:txBody>
      </p:sp>
      <p:sp>
        <p:nvSpPr>
          <p:cNvPr id="7" name="Picture Placeholder 3"/>
          <p:cNvSpPr>
            <a:spLocks noGrp="1"/>
          </p:cNvSpPr>
          <p:nvPr>
            <p:ph type="pic" sz="quarter" idx="13" hasCustomPrompt="1"/>
          </p:nvPr>
        </p:nvSpPr>
        <p:spPr>
          <a:xfrm>
            <a:off x="6227763" y="315913"/>
            <a:ext cx="5646545" cy="6242050"/>
          </a:xfrm>
        </p:spPr>
        <p:txBody>
          <a:bodyPr/>
          <a:lstStyle>
            <a:lvl1pPr marL="0" indent="0">
              <a:buNone/>
              <a:defRPr b="0">
                <a:solidFill>
                  <a:schemeClr val="tx1"/>
                </a:solidFill>
              </a:defRPr>
            </a:lvl1pPr>
          </a:lstStyle>
          <a:p>
            <a:r>
              <a:rPr lang="da-DK"/>
              <a:t>Klik her og tilføj billede via </a:t>
            </a:r>
            <a:r>
              <a:rPr lang="da-DK" err="1"/>
              <a:t>Templafy</a:t>
            </a:r>
            <a:r>
              <a:rPr lang="da-DK"/>
              <a:t> billedbibliotek</a:t>
            </a:r>
          </a:p>
        </p:txBody>
      </p:sp>
    </p:spTree>
    <p:extLst>
      <p:ext uri="{BB962C8B-B14F-4D97-AF65-F5344CB8AC3E}">
        <p14:creationId xmlns:p14="http://schemas.microsoft.com/office/powerpoint/2010/main" val="4190254251"/>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5">
          <p15:clr>
            <a:srgbClr val="A4A3A4"/>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preserve="1" userDrawn="1">
  <p:cSld name="Image and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231755" y="315912"/>
            <a:ext cx="4975225" cy="666887"/>
          </a:xfrm>
        </p:spPr>
        <p:txBody>
          <a:bodyPr anchor="t" anchorCtr="0"/>
          <a:lstStyle>
            <a:lvl1pPr>
              <a:lnSpc>
                <a:spcPct val="90000"/>
              </a:lnSpc>
              <a:defRPr>
                <a:solidFill>
                  <a:schemeClr val="tx1"/>
                </a:solidFill>
              </a:defRPr>
            </a:lvl1pPr>
          </a:lstStyle>
          <a:p>
            <a:r>
              <a:rPr lang="da-DK"/>
              <a:t>Klik for at indsætte titel</a:t>
            </a:r>
          </a:p>
        </p:txBody>
      </p:sp>
      <p:sp>
        <p:nvSpPr>
          <p:cNvPr id="10" name="Text Placeholder 2"/>
          <p:cNvSpPr>
            <a:spLocks noGrp="1"/>
          </p:cNvSpPr>
          <p:nvPr>
            <p:ph type="body" sz="quarter" idx="14" hasCustomPrompt="1"/>
          </p:nvPr>
        </p:nvSpPr>
        <p:spPr>
          <a:xfrm>
            <a:off x="6231755" y="1958974"/>
            <a:ext cx="4975225" cy="3938589"/>
          </a:xfrm>
        </p:spPr>
        <p:txBody>
          <a:bodyPr/>
          <a:lstStyle>
            <a:lvl1pPr marL="0" indent="0">
              <a:lnSpc>
                <a:spcPct val="90000"/>
              </a:lnSpc>
              <a:buFont typeface="Calibri" panose="020F0502020204030204" pitchFamily="34" charset="0"/>
              <a:buChar char="​"/>
              <a:defRPr>
                <a:solidFill>
                  <a:schemeClr val="tx1"/>
                </a:solidFill>
              </a:defRPr>
            </a:lvl1pPr>
            <a:lvl2pPr>
              <a:lnSpc>
                <a:spcPct val="90000"/>
              </a:lnSpc>
              <a:defRPr>
                <a:solidFill>
                  <a:schemeClr val="tx1"/>
                </a:solidFill>
              </a:defRPr>
            </a:lvl2pPr>
            <a:lvl3pPr>
              <a:lnSpc>
                <a:spcPct val="90000"/>
              </a:lnSpc>
              <a:defRPr>
                <a:solidFill>
                  <a:schemeClr val="tx1"/>
                </a:solidFill>
              </a:defRPr>
            </a:lvl3pPr>
            <a:lvl4pPr>
              <a:lnSpc>
                <a:spcPct val="90000"/>
              </a:lnSpc>
              <a:defRPr>
                <a:solidFill>
                  <a:schemeClr val="tx1"/>
                </a:solidFill>
              </a:defRPr>
            </a:lvl4pPr>
            <a:lvl5pPr>
              <a:lnSpc>
                <a:spcPct val="90000"/>
              </a:lnSpc>
              <a:defRPr>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9" name="TextBox 8"/>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8" name="Slide Number Placeholder 7"/>
          <p:cNvSpPr>
            <a:spLocks noGrp="1"/>
          </p:cNvSpPr>
          <p:nvPr>
            <p:ph type="sldNum" sz="quarter" idx="17"/>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358A5F96-CECF-4873-8F82-87F0724758E0}" type="datetime1">
              <a:rPr lang="da-DK" smtClean="0"/>
              <a:t>09-04-2026</a:t>
            </a:fld>
            <a:r>
              <a:rPr lang="da-DK"/>
              <a:t>18-08-2024</a:t>
            </a:r>
          </a:p>
        </p:txBody>
      </p:sp>
      <p:sp>
        <p:nvSpPr>
          <p:cNvPr id="6" name="Footer Placeholder 5" hidden="1"/>
          <p:cNvSpPr>
            <a:spLocks noGrp="1"/>
          </p:cNvSpPr>
          <p:nvPr>
            <p:ph type="ftr" sz="quarter" idx="16"/>
          </p:nvPr>
        </p:nvSpPr>
        <p:spPr>
          <a:xfrm>
            <a:off x="0" y="7020000"/>
            <a:ext cx="0" cy="0"/>
          </a:xfrm>
          <a:prstGeom prst="rect">
            <a:avLst/>
          </a:prstGeom>
        </p:spPr>
        <p:txBody>
          <a:bodyPr/>
          <a:lstStyle/>
          <a:p>
            <a:endParaRPr lang="da-DK"/>
          </a:p>
        </p:txBody>
      </p:sp>
      <p:sp>
        <p:nvSpPr>
          <p:cNvPr id="7" name="Picture Placeholder 3"/>
          <p:cNvSpPr>
            <a:spLocks noGrp="1"/>
          </p:cNvSpPr>
          <p:nvPr>
            <p:ph type="pic" sz="quarter" idx="13" hasCustomPrompt="1"/>
          </p:nvPr>
        </p:nvSpPr>
        <p:spPr>
          <a:xfrm>
            <a:off x="333375" y="315913"/>
            <a:ext cx="5617021" cy="6242050"/>
          </a:xfrm>
        </p:spPr>
        <p:txBody>
          <a:bodyPr/>
          <a:lstStyle>
            <a:lvl1pPr marL="0" indent="0">
              <a:buNone/>
              <a:defRPr b="0">
                <a:solidFill>
                  <a:schemeClr val="tx1"/>
                </a:solidFill>
              </a:defRPr>
            </a:lvl1pPr>
          </a:lstStyle>
          <a:p>
            <a:r>
              <a:rPr lang="da-DK"/>
              <a:t>Klik her og tilføj billede via </a:t>
            </a:r>
            <a:r>
              <a:rPr lang="da-DK" err="1"/>
              <a:t>Templafy</a:t>
            </a:r>
            <a:r>
              <a:rPr lang="da-DK"/>
              <a:t> billedbibliotek</a:t>
            </a:r>
          </a:p>
        </p:txBody>
      </p:sp>
    </p:spTree>
    <p:extLst>
      <p:ext uri="{BB962C8B-B14F-4D97-AF65-F5344CB8AC3E}">
        <p14:creationId xmlns:p14="http://schemas.microsoft.com/office/powerpoint/2010/main" val="2442651608"/>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5">
          <p15:clr>
            <a:srgbClr val="A4A3A4"/>
          </p15:clr>
        </p15:guide>
      </p15:sldGuideLst>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Title text and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85838" y="1556792"/>
            <a:ext cx="4975225" cy="360040"/>
          </a:xfrm>
        </p:spPr>
        <p:txBody>
          <a:bodyPr anchor="t" anchorCtr="0"/>
          <a:lstStyle>
            <a:lvl1pPr>
              <a:lnSpc>
                <a:spcPct val="95000"/>
              </a:lnSpc>
              <a:defRPr sz="2000" b="0">
                <a:solidFill>
                  <a:schemeClr val="tx1"/>
                </a:solidFill>
                <a:latin typeface="AU Passata Light" panose="020B0303030902030804" pitchFamily="34" charset="77"/>
              </a:defRPr>
            </a:lvl1pPr>
          </a:lstStyle>
          <a:p>
            <a:r>
              <a:rPr lang="da-DK"/>
              <a:t>KLIK FOR AT INDSÆTTE TITEL</a:t>
            </a:r>
          </a:p>
        </p:txBody>
      </p:sp>
      <p:sp>
        <p:nvSpPr>
          <p:cNvPr id="10" name="Text Placeholder 2"/>
          <p:cNvSpPr>
            <a:spLocks noGrp="1"/>
          </p:cNvSpPr>
          <p:nvPr>
            <p:ph type="body" sz="quarter" idx="14" hasCustomPrompt="1"/>
          </p:nvPr>
        </p:nvSpPr>
        <p:spPr>
          <a:xfrm>
            <a:off x="985838" y="1958976"/>
            <a:ext cx="4975225" cy="3940538"/>
          </a:xfrm>
        </p:spPr>
        <p:txBody>
          <a:bodyPr/>
          <a:lstStyle>
            <a:lvl1pPr marL="0" indent="0">
              <a:buFont typeface="Calibri" panose="020F0502020204030204" pitchFamily="34" charset="0"/>
              <a:buChar char="​"/>
              <a:defRPr sz="4000" b="1">
                <a:solidFill>
                  <a:schemeClr val="tx1"/>
                </a:solidFill>
              </a:defRPr>
            </a:lvl1pPr>
            <a:lvl2pPr>
              <a:defRPr sz="4000" b="1">
                <a:solidFill>
                  <a:srgbClr val="002546"/>
                </a:solidFill>
              </a:defRPr>
            </a:lvl2pPr>
            <a:lvl3pPr>
              <a:defRPr sz="4000" b="1">
                <a:solidFill>
                  <a:srgbClr val="002546"/>
                </a:solidFill>
              </a:defRPr>
            </a:lvl3pPr>
            <a:lvl4pPr>
              <a:defRPr sz="4000" b="1">
                <a:solidFill>
                  <a:srgbClr val="002546"/>
                </a:solidFill>
              </a:defRPr>
            </a:lvl4pPr>
            <a:lvl5pPr>
              <a:defRPr sz="4000" b="1">
                <a:solidFill>
                  <a:srgbClr val="002546"/>
                </a:solidFill>
              </a:defRPr>
            </a:lvl5pPr>
            <a:lvl6pPr>
              <a:defRPr sz="4000" b="1">
                <a:solidFill>
                  <a:srgbClr val="002546"/>
                </a:solidFill>
              </a:defRPr>
            </a:lvl6pPr>
          </a:lstStyle>
          <a:p>
            <a:pPr lvl="0"/>
            <a:r>
              <a:rPr lang="da-DK"/>
              <a:t>Klik for at indsætte tekst</a:t>
            </a:r>
          </a:p>
        </p:txBody>
      </p:sp>
      <p:sp>
        <p:nvSpPr>
          <p:cNvPr id="8" name="Slide Number Placeholder 7"/>
          <p:cNvSpPr>
            <a:spLocks noGrp="1"/>
          </p:cNvSpPr>
          <p:nvPr>
            <p:ph type="sldNum" sz="quarter" idx="17"/>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03DC7C80-7DBC-468C-AD0A-76AED59FEBCF}" type="datetime1">
              <a:rPr lang="da-DK" smtClean="0"/>
              <a:t>09-04-2026</a:t>
            </a:fld>
            <a:r>
              <a:rPr lang="da-DK"/>
              <a:t>18-08-2024</a:t>
            </a:r>
          </a:p>
        </p:txBody>
      </p:sp>
      <p:sp>
        <p:nvSpPr>
          <p:cNvPr id="6" name="Footer Placeholder 5" hidden="1"/>
          <p:cNvSpPr>
            <a:spLocks noGrp="1"/>
          </p:cNvSpPr>
          <p:nvPr>
            <p:ph type="ftr" sz="quarter" idx="16"/>
          </p:nvPr>
        </p:nvSpPr>
        <p:spPr>
          <a:xfrm>
            <a:off x="0" y="7020000"/>
            <a:ext cx="0" cy="0"/>
          </a:xfrm>
          <a:prstGeom prst="rect">
            <a:avLst/>
          </a:prstGeom>
        </p:spPr>
        <p:txBody>
          <a:bodyPr/>
          <a:lstStyle/>
          <a:p>
            <a:endParaRPr lang="da-DK"/>
          </a:p>
        </p:txBody>
      </p:sp>
      <p:sp>
        <p:nvSpPr>
          <p:cNvPr id="3" name="Rektangel 2">
            <a:extLst>
              <a:ext uri="{FF2B5EF4-FFF2-40B4-BE49-F238E27FC236}">
                <a16:creationId xmlns:a16="http://schemas.microsoft.com/office/drawing/2014/main" id="{F7100108-6537-5FEF-9A5D-9C914724DAE8}"/>
              </a:ext>
            </a:extLst>
          </p:cNvPr>
          <p:cNvSpPr/>
          <p:nvPr userDrawn="1"/>
        </p:nvSpPr>
        <p:spPr bwMode="auto">
          <a:xfrm>
            <a:off x="5446340" y="6165304"/>
            <a:ext cx="1656184" cy="41619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7" name="Picture Placeholder 3"/>
          <p:cNvSpPr>
            <a:spLocks noGrp="1"/>
          </p:cNvSpPr>
          <p:nvPr>
            <p:ph type="pic" sz="quarter" idx="13" hasCustomPrompt="1"/>
          </p:nvPr>
        </p:nvSpPr>
        <p:spPr>
          <a:xfrm>
            <a:off x="6231600" y="315913"/>
            <a:ext cx="5644800" cy="6242050"/>
          </a:xfrm>
        </p:spPr>
        <p:txBody>
          <a:bodyPr/>
          <a:lstStyle>
            <a:lvl1pPr marL="0" indent="0">
              <a:buNone/>
              <a:defRPr b="0">
                <a:solidFill>
                  <a:schemeClr val="tx1"/>
                </a:solidFill>
              </a:defRPr>
            </a:lvl1pPr>
          </a:lstStyle>
          <a:p>
            <a:r>
              <a:rPr lang="da-DK"/>
              <a:t>Click here and add image via Templafy Image Library</a:t>
            </a:r>
          </a:p>
        </p:txBody>
      </p:sp>
    </p:spTree>
    <p:extLst>
      <p:ext uri="{BB962C8B-B14F-4D97-AF65-F5344CB8AC3E}">
        <p14:creationId xmlns:p14="http://schemas.microsoft.com/office/powerpoint/2010/main" val="336997329"/>
      </p:ext>
    </p:extLst>
  </p:cSld>
  <p:clrMapOvr>
    <a:masterClrMapping/>
  </p:clrMapOvr>
  <p:transition spd="slow">
    <p:fade/>
  </p:transition>
  <p:extLst>
    <p:ext uri="{DCECCB84-F9BA-43D5-87BE-67443E8EF086}">
      <p15:sldGuideLst xmlns:p15="http://schemas.microsoft.com/office/powerpoint/2012/main">
        <p15:guide id="1" pos="3930">
          <p15:clr>
            <a:srgbClr val="A4A3A4"/>
          </p15:clr>
        </p15:guide>
        <p15:guide id="2" pos="3755">
          <p15:clr>
            <a:srgbClr val="A4A3A4"/>
          </p15:clr>
        </p15:guide>
        <p15:guide id="3" orient="horz" pos="3069">
          <p15:clr>
            <a:srgbClr val="A4A3A4"/>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Statement text">
    <p:spTree>
      <p:nvGrpSpPr>
        <p:cNvPr id="1" name=""/>
        <p:cNvGrpSpPr/>
        <p:nvPr/>
      </p:nvGrpSpPr>
      <p:grpSpPr>
        <a:xfrm>
          <a:off x="0" y="0"/>
          <a:ext cx="0" cy="0"/>
          <a:chOff x="0" y="0"/>
          <a:chExt cx="0" cy="0"/>
        </a:xfrm>
      </p:grpSpPr>
      <p:sp>
        <p:nvSpPr>
          <p:cNvPr id="11" name="Slide Number Placeholder 10"/>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E0E5DD50-6B36-4368-8616-FF5D9D795AE9}"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3" name="Text Placeholder 2">
            <a:extLst>
              <a:ext uri="{FF2B5EF4-FFF2-40B4-BE49-F238E27FC236}">
                <a16:creationId xmlns:a16="http://schemas.microsoft.com/office/drawing/2014/main" id="{34B50F68-F725-84C3-150A-3F98ACC42A1D}"/>
              </a:ext>
            </a:extLst>
          </p:cNvPr>
          <p:cNvSpPr>
            <a:spLocks noGrp="1"/>
          </p:cNvSpPr>
          <p:nvPr>
            <p:ph type="body" sz="quarter" idx="16" hasCustomPrompt="1"/>
          </p:nvPr>
        </p:nvSpPr>
        <p:spPr>
          <a:xfrm>
            <a:off x="1005388" y="1961213"/>
            <a:ext cx="10220325" cy="3936349"/>
          </a:xfrm>
        </p:spPr>
        <p:txBody>
          <a:bodyPr/>
          <a:lstStyle>
            <a:lvl1pPr marL="0" indent="0" algn="l">
              <a:lnSpc>
                <a:spcPct val="90000"/>
              </a:lnSpc>
              <a:spcBef>
                <a:spcPts val="0"/>
              </a:spcBef>
              <a:buSzPct val="250000"/>
              <a:buFontTx/>
              <a:buNone/>
              <a:defRPr sz="4000" b="1">
                <a:solidFill>
                  <a:srgbClr val="002546"/>
                </a:solidFill>
                <a:latin typeface="+mn-lt"/>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indsætte tekst</a:t>
            </a:r>
          </a:p>
        </p:txBody>
      </p:sp>
      <p:sp>
        <p:nvSpPr>
          <p:cNvPr id="2" name="TextBox 8">
            <a:extLst>
              <a:ext uri="{FF2B5EF4-FFF2-40B4-BE49-F238E27FC236}">
                <a16:creationId xmlns:a16="http://schemas.microsoft.com/office/drawing/2014/main" id="{EAD89B02-3AF9-5FDD-F1D6-D581869FADF0}"/>
              </a:ext>
            </a:extLst>
          </p:cNvPr>
          <p:cNvSpPr txBox="1"/>
          <p:nvPr userDrawn="1"/>
        </p:nvSpPr>
        <p:spPr>
          <a:xfrm>
            <a:off x="-2042492" y="1965213"/>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a:t>
            </a:r>
            <a:br>
              <a:rPr lang="da-DK" sz="4799" noProof="1">
                <a:solidFill>
                  <a:schemeClr val="tx1">
                    <a:lumMod val="75000"/>
                    <a:lumOff val="25000"/>
                  </a:schemeClr>
                </a:solidFill>
              </a:rPr>
            </a:br>
            <a:r>
              <a:rPr lang="da-DK" sz="1000" noProof="1">
                <a:solidFill>
                  <a:schemeClr val="tx1">
                    <a:lumMod val="75000"/>
                    <a:lumOff val="25000"/>
                  </a:schemeClr>
                </a:solidFill>
              </a:rPr>
              <a:t>med din temafarve </a:t>
            </a:r>
            <a:br>
              <a:rPr lang="da-DK" sz="1000" noProof="1">
                <a:solidFill>
                  <a:schemeClr val="tx1">
                    <a:lumMod val="75000"/>
                    <a:lumOff val="25000"/>
                  </a:schemeClr>
                </a:solidFill>
              </a:rPr>
            </a:br>
            <a:r>
              <a:rPr lang="da-DK" sz="1000" noProof="1">
                <a:solidFill>
                  <a:schemeClr val="tx1">
                    <a:lumMod val="75000"/>
                    <a:lumOff val="25000"/>
                  </a:schemeClr>
                </a:solidFill>
              </a:rPr>
              <a:t>eller med AU Passata Light </a:t>
            </a:r>
          </a:p>
        </p:txBody>
      </p:sp>
    </p:spTree>
    <p:extLst>
      <p:ext uri="{BB962C8B-B14F-4D97-AF65-F5344CB8AC3E}">
        <p14:creationId xmlns:p14="http://schemas.microsoft.com/office/powerpoint/2010/main" val="385652927"/>
      </p:ext>
    </p:extLst>
  </p:cSld>
  <p:clrMapOvr>
    <a:masterClrMapping/>
  </p:clrMapOvr>
  <p:transition spd="slow">
    <p:fade/>
  </p:transition>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Preheader and statement text">
    <p:spTree>
      <p:nvGrpSpPr>
        <p:cNvPr id="1" name=""/>
        <p:cNvGrpSpPr/>
        <p:nvPr/>
      </p:nvGrpSpPr>
      <p:grpSpPr>
        <a:xfrm>
          <a:off x="0" y="0"/>
          <a:ext cx="0" cy="0"/>
          <a:chOff x="0" y="0"/>
          <a:chExt cx="0" cy="0"/>
        </a:xfrm>
      </p:grpSpPr>
      <p:sp>
        <p:nvSpPr>
          <p:cNvPr id="7" name="Text Placeholder 2"/>
          <p:cNvSpPr>
            <a:spLocks noGrp="1"/>
          </p:cNvSpPr>
          <p:nvPr>
            <p:ph type="body" sz="quarter" idx="11" hasCustomPrompt="1"/>
          </p:nvPr>
        </p:nvSpPr>
        <p:spPr>
          <a:xfrm>
            <a:off x="985838" y="2564904"/>
            <a:ext cx="10220325" cy="2304255"/>
          </a:xfrm>
        </p:spPr>
        <p:txBody>
          <a:bodyPr/>
          <a:lstStyle>
            <a:lvl1pPr marL="0" indent="0" algn="l">
              <a:lnSpc>
                <a:spcPct val="90000"/>
              </a:lnSpc>
              <a:spcBef>
                <a:spcPts val="0"/>
              </a:spcBef>
              <a:buSzPct val="250000"/>
              <a:buFontTx/>
              <a:buNone/>
              <a:defRPr sz="4400" b="1">
                <a:solidFill>
                  <a:srgbClr val="002546"/>
                </a:solidFill>
                <a:latin typeface="+mn-lt"/>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indsætte tekst</a:t>
            </a:r>
          </a:p>
        </p:txBody>
      </p:sp>
      <p:sp>
        <p:nvSpPr>
          <p:cNvPr id="11" name="Slide Number Placeholder 10"/>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9D8E2612-03AF-44CE-B8E6-89EB19F51FFB}"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2" name="Text Placeholder 2">
            <a:extLst>
              <a:ext uri="{FF2B5EF4-FFF2-40B4-BE49-F238E27FC236}">
                <a16:creationId xmlns:a16="http://schemas.microsoft.com/office/drawing/2014/main" id="{5A9C5A01-4943-4F99-90F7-3CEC671CA983}"/>
              </a:ext>
            </a:extLst>
          </p:cNvPr>
          <p:cNvSpPr>
            <a:spLocks noGrp="1"/>
          </p:cNvSpPr>
          <p:nvPr>
            <p:ph type="body" sz="quarter" idx="16" hasCustomPrompt="1"/>
          </p:nvPr>
        </p:nvSpPr>
        <p:spPr>
          <a:xfrm>
            <a:off x="985838" y="1978621"/>
            <a:ext cx="10220325" cy="586283"/>
          </a:xfrm>
        </p:spPr>
        <p:txBody>
          <a:bodyPr/>
          <a:lstStyle>
            <a:lvl1pPr marL="0" indent="0" algn="l">
              <a:lnSpc>
                <a:spcPct val="89000"/>
              </a:lnSpc>
              <a:spcBef>
                <a:spcPts val="0"/>
              </a:spcBef>
              <a:buSzPct val="250000"/>
              <a:buFontTx/>
              <a:buNone/>
              <a:defRPr sz="2000" b="0">
                <a:solidFill>
                  <a:srgbClr val="002546"/>
                </a:solidFill>
                <a:latin typeface="AU Passata Light" panose="020B0303030902030804" pitchFamily="34" charset="77"/>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INDSÆTTE TITEL</a:t>
            </a:r>
          </a:p>
        </p:txBody>
      </p:sp>
    </p:spTree>
    <p:extLst>
      <p:ext uri="{BB962C8B-B14F-4D97-AF65-F5344CB8AC3E}">
        <p14:creationId xmlns:p14="http://schemas.microsoft.com/office/powerpoint/2010/main" val="1995602671"/>
      </p:ext>
    </p:extLst>
  </p:cSld>
  <p:clrMapOvr>
    <a:masterClrMapping/>
  </p:clrMapOvr>
  <p:transition spd="slow">
    <p:fade/>
  </p:transition>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Quote slide">
    <p:spTree>
      <p:nvGrpSpPr>
        <p:cNvPr id="1" name=""/>
        <p:cNvGrpSpPr/>
        <p:nvPr/>
      </p:nvGrpSpPr>
      <p:grpSpPr>
        <a:xfrm>
          <a:off x="0" y="0"/>
          <a:ext cx="0" cy="0"/>
          <a:chOff x="0" y="0"/>
          <a:chExt cx="0" cy="0"/>
        </a:xfrm>
      </p:grpSpPr>
      <p:sp>
        <p:nvSpPr>
          <p:cNvPr id="10" name="Slide Number Placeholder 9"/>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10BDA9E5-56E0-43C3-BD99-16AA9147EA1E}" type="datetime1">
              <a:rPr lang="da-DK" smtClean="0"/>
              <a:t>09-04-2026</a:t>
            </a:fld>
            <a:r>
              <a:rPr lang="da-DK"/>
              <a:t>18-08-2024</a:t>
            </a:r>
          </a:p>
        </p:txBody>
      </p:sp>
      <p:sp>
        <p:nvSpPr>
          <p:cNvPr id="8" name="Footer Placeholder 7" hidden="1"/>
          <p:cNvSpPr>
            <a:spLocks noGrp="1"/>
          </p:cNvSpPr>
          <p:nvPr>
            <p:ph type="ftr" sz="quarter" idx="14"/>
          </p:nvPr>
        </p:nvSpPr>
        <p:spPr>
          <a:xfrm>
            <a:off x="0" y="7020000"/>
            <a:ext cx="0" cy="0"/>
          </a:xfrm>
          <a:prstGeom prst="rect">
            <a:avLst/>
          </a:prstGeom>
        </p:spPr>
        <p:txBody>
          <a:bodyPr/>
          <a:lstStyle/>
          <a:p>
            <a:endParaRPr lang="da-DK"/>
          </a:p>
        </p:txBody>
      </p:sp>
      <p:sp>
        <p:nvSpPr>
          <p:cNvPr id="2" name="Text Placeholder 2">
            <a:extLst>
              <a:ext uri="{FF2B5EF4-FFF2-40B4-BE49-F238E27FC236}">
                <a16:creationId xmlns:a16="http://schemas.microsoft.com/office/drawing/2014/main" id="{5CC2969D-9182-12ED-F797-9D572F642FD0}"/>
              </a:ext>
            </a:extLst>
          </p:cNvPr>
          <p:cNvSpPr>
            <a:spLocks noGrp="1"/>
          </p:cNvSpPr>
          <p:nvPr>
            <p:ph type="body" sz="quarter" idx="11" hasCustomPrompt="1"/>
          </p:nvPr>
        </p:nvSpPr>
        <p:spPr>
          <a:xfrm>
            <a:off x="985837" y="1965212"/>
            <a:ext cx="10220325" cy="3047963"/>
          </a:xfrm>
        </p:spPr>
        <p:txBody>
          <a:bodyPr/>
          <a:lstStyle>
            <a:lvl1pPr marL="0" indent="0" algn="ctr">
              <a:lnSpc>
                <a:spcPct val="90000"/>
              </a:lnSpc>
              <a:spcBef>
                <a:spcPts val="0"/>
              </a:spcBef>
              <a:buSzPct val="250000"/>
              <a:buFontTx/>
              <a:buNone/>
              <a:defRPr sz="4400" b="1">
                <a:solidFill>
                  <a:schemeClr val="tx1"/>
                </a:solidFill>
                <a:latin typeface="+mn-lt"/>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indsætte citat</a:t>
            </a:r>
          </a:p>
        </p:txBody>
      </p:sp>
      <p:sp>
        <p:nvSpPr>
          <p:cNvPr id="3" name="Text Placeholder 2">
            <a:extLst>
              <a:ext uri="{FF2B5EF4-FFF2-40B4-BE49-F238E27FC236}">
                <a16:creationId xmlns:a16="http://schemas.microsoft.com/office/drawing/2014/main" id="{137441CA-ADDB-33CE-228E-72AD01342E3E}"/>
              </a:ext>
            </a:extLst>
          </p:cNvPr>
          <p:cNvSpPr>
            <a:spLocks noGrp="1"/>
          </p:cNvSpPr>
          <p:nvPr>
            <p:ph type="body" sz="quarter" idx="16" hasCustomPrompt="1"/>
          </p:nvPr>
        </p:nvSpPr>
        <p:spPr>
          <a:xfrm>
            <a:off x="1008727" y="5054397"/>
            <a:ext cx="10220325" cy="318819"/>
          </a:xfrm>
        </p:spPr>
        <p:txBody>
          <a:bodyPr/>
          <a:lstStyle>
            <a:lvl1pPr marL="0" indent="0" algn="ctr">
              <a:lnSpc>
                <a:spcPct val="89000"/>
              </a:lnSpc>
              <a:spcBef>
                <a:spcPts val="0"/>
              </a:spcBef>
              <a:buSzPct val="250000"/>
              <a:buFontTx/>
              <a:buNone/>
              <a:defRPr sz="2000" b="0">
                <a:solidFill>
                  <a:schemeClr val="tx1"/>
                </a:solidFill>
                <a:latin typeface="AU Passata Light" panose="020B0303030902030804" pitchFamily="34" charset="77"/>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TILFØJE NAVN</a:t>
            </a:r>
          </a:p>
        </p:txBody>
      </p:sp>
      <p:sp>
        <p:nvSpPr>
          <p:cNvPr id="4" name="TextBox 8">
            <a:extLst>
              <a:ext uri="{FF2B5EF4-FFF2-40B4-BE49-F238E27FC236}">
                <a16:creationId xmlns:a16="http://schemas.microsoft.com/office/drawing/2014/main" id="{EE8121D5-B5C3-779F-192E-1359A484BE71}"/>
              </a:ext>
            </a:extLst>
          </p:cNvPr>
          <p:cNvSpPr txBox="1"/>
          <p:nvPr userDrawn="1"/>
        </p:nvSpPr>
        <p:spPr>
          <a:xfrm>
            <a:off x="-2042492" y="1965213"/>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a:t>
            </a:r>
            <a:br>
              <a:rPr lang="da-DK" sz="4799" noProof="1">
                <a:solidFill>
                  <a:schemeClr val="tx1">
                    <a:lumMod val="75000"/>
                    <a:lumOff val="25000"/>
                  </a:schemeClr>
                </a:solidFill>
              </a:rPr>
            </a:br>
            <a:r>
              <a:rPr lang="da-DK" sz="1000" noProof="1">
                <a:solidFill>
                  <a:schemeClr val="tx1">
                    <a:lumMod val="75000"/>
                    <a:lumOff val="25000"/>
                  </a:schemeClr>
                </a:solidFill>
              </a:rPr>
              <a:t>med din temafarve </a:t>
            </a:r>
            <a:br>
              <a:rPr lang="da-DK" sz="1000" noProof="1">
                <a:solidFill>
                  <a:schemeClr val="tx1">
                    <a:lumMod val="75000"/>
                    <a:lumOff val="25000"/>
                  </a:schemeClr>
                </a:solidFill>
              </a:rPr>
            </a:br>
            <a:r>
              <a:rPr lang="da-DK" sz="1000" noProof="1">
                <a:solidFill>
                  <a:schemeClr val="tx1">
                    <a:lumMod val="75000"/>
                    <a:lumOff val="25000"/>
                  </a:schemeClr>
                </a:solidFill>
              </a:rPr>
              <a:t>eller med AU Passata Light </a:t>
            </a:r>
          </a:p>
        </p:txBody>
      </p:sp>
    </p:spTree>
    <p:extLst>
      <p:ext uri="{BB962C8B-B14F-4D97-AF65-F5344CB8AC3E}">
        <p14:creationId xmlns:p14="http://schemas.microsoft.com/office/powerpoint/2010/main" val="2416671372"/>
      </p:ext>
    </p:extLst>
  </p:cSld>
  <p:clrMapOvr>
    <a:masterClrMapping/>
  </p:clrMapOvr>
  <p:transition spd="slow">
    <p:fade/>
  </p:transition>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Fact slide White">
    <p:spTree>
      <p:nvGrpSpPr>
        <p:cNvPr id="1" name=""/>
        <p:cNvGrpSpPr/>
        <p:nvPr/>
      </p:nvGrpSpPr>
      <p:grpSpPr>
        <a:xfrm>
          <a:off x="0" y="0"/>
          <a:ext cx="0" cy="0"/>
          <a:chOff x="0" y="0"/>
          <a:chExt cx="0" cy="0"/>
        </a:xfrm>
      </p:grpSpPr>
      <p:sp>
        <p:nvSpPr>
          <p:cNvPr id="7" name="Text Placeholder 2"/>
          <p:cNvSpPr>
            <a:spLocks noGrp="1"/>
          </p:cNvSpPr>
          <p:nvPr>
            <p:ph type="body" sz="quarter" idx="11" hasCustomPrompt="1"/>
          </p:nvPr>
        </p:nvSpPr>
        <p:spPr>
          <a:xfrm>
            <a:off x="985838" y="3284984"/>
            <a:ext cx="10220325" cy="1800200"/>
          </a:xfrm>
        </p:spPr>
        <p:txBody>
          <a:bodyPr/>
          <a:lstStyle>
            <a:lvl1pPr marL="0" indent="0" algn="l">
              <a:lnSpc>
                <a:spcPct val="90000"/>
              </a:lnSpc>
              <a:spcBef>
                <a:spcPts val="0"/>
              </a:spcBef>
              <a:buSzPct val="250000"/>
              <a:buFontTx/>
              <a:buNone/>
              <a:defRPr sz="5000" b="0">
                <a:solidFill>
                  <a:schemeClr val="tx1"/>
                </a:solidFill>
                <a:latin typeface="AU Passata Light" panose="020B0303030902030804" pitchFamily="34" charset="77"/>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indsætte tekst</a:t>
            </a:r>
          </a:p>
        </p:txBody>
      </p:sp>
      <p:sp>
        <p:nvSpPr>
          <p:cNvPr id="11" name="Slide Number Placeholder 10"/>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0E8FAF7B-EF94-480A-8DD7-47BEA62A750A}"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3" name="Text Placeholder 2">
            <a:extLst>
              <a:ext uri="{FF2B5EF4-FFF2-40B4-BE49-F238E27FC236}">
                <a16:creationId xmlns:a16="http://schemas.microsoft.com/office/drawing/2014/main" id="{34B50F68-F725-84C3-150A-3F98ACC42A1D}"/>
              </a:ext>
            </a:extLst>
          </p:cNvPr>
          <p:cNvSpPr>
            <a:spLocks noGrp="1"/>
          </p:cNvSpPr>
          <p:nvPr>
            <p:ph type="body" sz="quarter" idx="16" hasCustomPrompt="1"/>
          </p:nvPr>
        </p:nvSpPr>
        <p:spPr>
          <a:xfrm>
            <a:off x="1005388" y="1958975"/>
            <a:ext cx="10220325" cy="1181993"/>
          </a:xfrm>
        </p:spPr>
        <p:txBody>
          <a:bodyPr/>
          <a:lstStyle>
            <a:lvl1pPr marL="0" indent="0" algn="l">
              <a:lnSpc>
                <a:spcPct val="90000"/>
              </a:lnSpc>
              <a:spcBef>
                <a:spcPts val="0"/>
              </a:spcBef>
              <a:buSzPct val="250000"/>
              <a:buFontTx/>
              <a:buNone/>
              <a:defRPr sz="10000" b="1">
                <a:solidFill>
                  <a:srgbClr val="002546"/>
                </a:solidFill>
                <a:latin typeface="+mn-lt"/>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Indsæt tal</a:t>
            </a:r>
          </a:p>
        </p:txBody>
      </p:sp>
      <p:sp>
        <p:nvSpPr>
          <p:cNvPr id="4" name="TextBox 8">
            <a:extLst>
              <a:ext uri="{FF2B5EF4-FFF2-40B4-BE49-F238E27FC236}">
                <a16:creationId xmlns:a16="http://schemas.microsoft.com/office/drawing/2014/main" id="{4724B6DC-C025-BFD9-D34D-B046785ECA89}"/>
              </a:ext>
            </a:extLst>
          </p:cNvPr>
          <p:cNvSpPr txBox="1"/>
          <p:nvPr userDrawn="1"/>
        </p:nvSpPr>
        <p:spPr>
          <a:xfrm>
            <a:off x="-2114500" y="3288984"/>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 med AU Passata Bold </a:t>
            </a:r>
            <a:br>
              <a:rPr lang="da-DK" sz="1000" noProof="1">
                <a:solidFill>
                  <a:schemeClr val="tx1">
                    <a:lumMod val="75000"/>
                    <a:lumOff val="25000"/>
                  </a:schemeClr>
                </a:solidFill>
              </a:rPr>
            </a:br>
            <a:r>
              <a:rPr lang="da-DK" sz="1000" noProof="1">
                <a:solidFill>
                  <a:schemeClr val="tx1">
                    <a:lumMod val="75000"/>
                    <a:lumOff val="25000"/>
                  </a:schemeClr>
                </a:solidFill>
              </a:rPr>
              <a:t>eller med din temafarve</a:t>
            </a:r>
            <a:endParaRPr lang="da-DK" sz="4799"/>
          </a:p>
        </p:txBody>
      </p:sp>
    </p:spTree>
    <p:extLst>
      <p:ext uri="{BB962C8B-B14F-4D97-AF65-F5344CB8AC3E}">
        <p14:creationId xmlns:p14="http://schemas.microsoft.com/office/powerpoint/2010/main" val="2488687385"/>
      </p:ext>
    </p:extLst>
  </p:cSld>
  <p:clrMapOvr>
    <a:masterClrMapping/>
  </p:clrMapOvr>
  <p:transition spd="slow">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Quote slide">
    <p:spTree>
      <p:nvGrpSpPr>
        <p:cNvPr id="1" name=""/>
        <p:cNvGrpSpPr/>
        <p:nvPr/>
      </p:nvGrpSpPr>
      <p:grpSpPr>
        <a:xfrm>
          <a:off x="0" y="0"/>
          <a:ext cx="0" cy="0"/>
          <a:chOff x="0" y="0"/>
          <a:chExt cx="0" cy="0"/>
        </a:xfrm>
      </p:grpSpPr>
      <p:sp>
        <p:nvSpPr>
          <p:cNvPr id="9" name="Hvid baggrund"/>
          <p:cNvSpPr/>
          <p:nvPr userDrawn="1"/>
        </p:nvSpPr>
        <p:spPr bwMode="auto">
          <a:xfrm>
            <a:off x="0" y="0"/>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0" name="Slide Number Placeholder 9"/>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C9C133D7-C054-404D-B98A-1EF6B674263B}" type="datetime1">
              <a:rPr lang="da-DK" smtClean="0"/>
              <a:t>09-04-2026</a:t>
            </a:fld>
            <a:endParaRPr lang="da-DK"/>
          </a:p>
        </p:txBody>
      </p:sp>
      <p:sp>
        <p:nvSpPr>
          <p:cNvPr id="8" name="Footer Placeholder 7" hidden="1"/>
          <p:cNvSpPr>
            <a:spLocks noGrp="1"/>
          </p:cNvSpPr>
          <p:nvPr>
            <p:ph type="ftr" sz="quarter" idx="14"/>
          </p:nvPr>
        </p:nvSpPr>
        <p:spPr/>
        <p:txBody>
          <a:bodyPr/>
          <a:lstStyle/>
          <a:p>
            <a:endParaRPr lang="da-DK"/>
          </a:p>
        </p:txBody>
      </p:sp>
      <p:sp>
        <p:nvSpPr>
          <p:cNvPr id="11" name="Text Placeholder 61"/>
          <p:cNvSpPr>
            <a:spLocks noGrp="1"/>
          </p:cNvSpPr>
          <p:nvPr>
            <p:ph type="body" sz="quarter" idx="16" hasCustomPrompt="1"/>
          </p:nvPr>
        </p:nvSpPr>
        <p:spPr>
          <a:xfrm>
            <a:off x="1845940" y="1412776"/>
            <a:ext cx="8496944" cy="3744416"/>
          </a:xfrm>
        </p:spPr>
        <p:txBody>
          <a:bodyPr/>
          <a:lstStyle>
            <a:lvl1pPr marL="432000" indent="-432000" algn="ctr">
              <a:lnSpc>
                <a:spcPct val="107000"/>
              </a:lnSpc>
              <a:buSzPct val="250000"/>
              <a:buFontTx/>
              <a:buBlip>
                <a:blip r:embed="rId2"/>
              </a:buBlip>
              <a:defRPr sz="2800">
                <a:latin typeface="Georgia" panose="02040502050405020303" pitchFamily="18" charset="0"/>
              </a:defRPr>
            </a:lvl1pPr>
            <a:lvl2pPr marL="216000" indent="-216000" algn="ctr">
              <a:lnSpc>
                <a:spcPct val="99000"/>
              </a:lnSpc>
              <a:buFont typeface="Arial" panose="020B0604020202020204" pitchFamily="34" charset="0"/>
              <a:buChar char="-"/>
              <a:defRPr sz="2000" cap="all" baseline="0">
                <a:latin typeface="Georgia" panose="02040502050405020303" pitchFamily="18" charset="0"/>
              </a:defRPr>
            </a:lvl2pPr>
            <a:lvl3pPr algn="ctr">
              <a:buFontTx/>
              <a:buNone/>
              <a:defRPr/>
            </a:lvl3pPr>
          </a:lstStyle>
          <a:p>
            <a:pPr lvl="0"/>
            <a:r>
              <a:rPr lang="da-DK"/>
              <a:t>Click to add Quote text, for next level ENTER and TAB</a:t>
            </a:r>
          </a:p>
          <a:p>
            <a:pPr lvl="1"/>
            <a:r>
              <a:rPr lang="da-DK"/>
              <a:t>Second level</a:t>
            </a:r>
          </a:p>
          <a:p>
            <a:pPr lvl="2"/>
            <a:endParaRPr lang="da-DK"/>
          </a:p>
        </p:txBody>
      </p:sp>
    </p:spTree>
    <p:extLst>
      <p:ext uri="{BB962C8B-B14F-4D97-AF65-F5344CB8AC3E}">
        <p14:creationId xmlns:p14="http://schemas.microsoft.com/office/powerpoint/2010/main" val="1796140097"/>
      </p:ext>
    </p:extLst>
  </p:cSld>
  <p:clrMapOvr>
    <a:masterClrMapping/>
  </p:clrMapOvr>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Fact slide light">
    <p:bg>
      <p:bgPr>
        <a:solidFill>
          <a:schemeClr val="bg2">
            <a:lumMod val="25000"/>
            <a:lumOff val="75000"/>
          </a:schemeClr>
        </a:solidFill>
        <a:effectLst/>
      </p:bgPr>
    </p:bg>
    <p:spTree>
      <p:nvGrpSpPr>
        <p:cNvPr id="1" name=""/>
        <p:cNvGrpSpPr/>
        <p:nvPr/>
      </p:nvGrpSpPr>
      <p:grpSpPr>
        <a:xfrm>
          <a:off x="0" y="0"/>
          <a:ext cx="0" cy="0"/>
          <a:chOff x="0" y="0"/>
          <a:chExt cx="0" cy="0"/>
        </a:xfrm>
      </p:grpSpPr>
      <p:sp>
        <p:nvSpPr>
          <p:cNvPr id="7" name="Text Placeholder 2"/>
          <p:cNvSpPr>
            <a:spLocks noGrp="1"/>
          </p:cNvSpPr>
          <p:nvPr>
            <p:ph type="body" sz="quarter" idx="11" hasCustomPrompt="1"/>
          </p:nvPr>
        </p:nvSpPr>
        <p:spPr>
          <a:xfrm>
            <a:off x="985838" y="3284984"/>
            <a:ext cx="10220325" cy="1800200"/>
          </a:xfrm>
        </p:spPr>
        <p:txBody>
          <a:bodyPr/>
          <a:lstStyle>
            <a:lvl1pPr marL="0" indent="0" algn="l">
              <a:lnSpc>
                <a:spcPct val="90000"/>
              </a:lnSpc>
              <a:spcBef>
                <a:spcPts val="0"/>
              </a:spcBef>
              <a:buSzPct val="250000"/>
              <a:buFontTx/>
              <a:buNone/>
              <a:defRPr sz="5000" b="1">
                <a:solidFill>
                  <a:schemeClr val="tx1"/>
                </a:solidFill>
                <a:latin typeface="+mn-lt"/>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indsætte tekst</a:t>
            </a:r>
          </a:p>
        </p:txBody>
      </p:sp>
      <p:sp>
        <p:nvSpPr>
          <p:cNvPr id="11" name="Slide Number Placeholder 10"/>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9F2F3E80-9D99-45A5-B8E1-78ADFED4779F}"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3" name="Text Placeholder 2">
            <a:extLst>
              <a:ext uri="{FF2B5EF4-FFF2-40B4-BE49-F238E27FC236}">
                <a16:creationId xmlns:a16="http://schemas.microsoft.com/office/drawing/2014/main" id="{34B50F68-F725-84C3-150A-3F98ACC42A1D}"/>
              </a:ext>
            </a:extLst>
          </p:cNvPr>
          <p:cNvSpPr>
            <a:spLocks noGrp="1"/>
          </p:cNvSpPr>
          <p:nvPr>
            <p:ph type="body" sz="quarter" idx="16" hasCustomPrompt="1"/>
          </p:nvPr>
        </p:nvSpPr>
        <p:spPr>
          <a:xfrm>
            <a:off x="1005388" y="1958975"/>
            <a:ext cx="10220325" cy="1181993"/>
          </a:xfrm>
        </p:spPr>
        <p:txBody>
          <a:bodyPr/>
          <a:lstStyle>
            <a:lvl1pPr marL="0" indent="0" algn="l">
              <a:lnSpc>
                <a:spcPct val="90000"/>
              </a:lnSpc>
              <a:spcBef>
                <a:spcPts val="0"/>
              </a:spcBef>
              <a:buSzPct val="250000"/>
              <a:buFontTx/>
              <a:buNone/>
              <a:defRPr sz="10000" b="1">
                <a:solidFill>
                  <a:schemeClr val="tx1"/>
                </a:solidFill>
                <a:latin typeface="+mn-lt"/>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Indsæt tal</a:t>
            </a:r>
          </a:p>
        </p:txBody>
      </p:sp>
      <p:sp>
        <p:nvSpPr>
          <p:cNvPr id="2" name="TextBox 8">
            <a:extLst>
              <a:ext uri="{FF2B5EF4-FFF2-40B4-BE49-F238E27FC236}">
                <a16:creationId xmlns:a16="http://schemas.microsoft.com/office/drawing/2014/main" id="{0B43E0A2-76B5-92C6-93E9-C0821E033A9C}"/>
              </a:ext>
            </a:extLst>
          </p:cNvPr>
          <p:cNvSpPr txBox="1"/>
          <p:nvPr userDrawn="1"/>
        </p:nvSpPr>
        <p:spPr>
          <a:xfrm>
            <a:off x="-2114500" y="3288984"/>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t>
            </a:r>
            <a:br>
              <a:rPr lang="da-DK" sz="1000" noProof="1">
                <a:solidFill>
                  <a:schemeClr val="tx1">
                    <a:lumMod val="75000"/>
                    <a:lumOff val="25000"/>
                  </a:schemeClr>
                </a:solidFill>
              </a:rPr>
            </a:br>
            <a:r>
              <a:rPr lang="da-DK" sz="1000" noProof="1">
                <a:solidFill>
                  <a:schemeClr val="tx1">
                    <a:lumMod val="75000"/>
                    <a:lumOff val="25000"/>
                  </a:schemeClr>
                </a:solidFill>
              </a:rPr>
              <a:t>af teksten  med hvid</a:t>
            </a:r>
            <a:endParaRPr lang="da-DK" sz="4799"/>
          </a:p>
        </p:txBody>
      </p:sp>
    </p:spTree>
    <p:extLst>
      <p:ext uri="{BB962C8B-B14F-4D97-AF65-F5344CB8AC3E}">
        <p14:creationId xmlns:p14="http://schemas.microsoft.com/office/powerpoint/2010/main" val="236792962"/>
      </p:ext>
    </p:extLst>
  </p:cSld>
  <p:clrMapOvr>
    <a:masterClrMapping/>
  </p:clrMapOvr>
  <p:transition spd="slow">
    <p:fade/>
  </p:transition>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Fact slide dark">
    <p:spTree>
      <p:nvGrpSpPr>
        <p:cNvPr id="1" name=""/>
        <p:cNvGrpSpPr/>
        <p:nvPr/>
      </p:nvGrpSpPr>
      <p:grpSpPr>
        <a:xfrm>
          <a:off x="0" y="0"/>
          <a:ext cx="0" cy="0"/>
          <a:chOff x="0" y="0"/>
          <a:chExt cx="0" cy="0"/>
        </a:xfrm>
      </p:grpSpPr>
      <p:sp>
        <p:nvSpPr>
          <p:cNvPr id="22" name="Farvet baggrund"/>
          <p:cNvSpPr/>
          <p:nvPr userDrawn="1"/>
        </p:nvSpPr>
        <p:spPr>
          <a:xfrm>
            <a:off x="-21213"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25"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26"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DATO</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TITEL</a:t>
            </a:r>
          </a:p>
        </p:txBody>
      </p:sp>
      <p:sp>
        <p:nvSpPr>
          <p:cNvPr id="27"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r>
              <a:rPr lang="da-DK" sz="700" b="0" cap="all" baseline="0">
                <a:solidFill>
                  <a:schemeClr val="bg1"/>
                </a:solidFill>
                <a:latin typeface="+mn-lt"/>
              </a:rPr>
              <a:t>TITEL</a:t>
            </a: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NAV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pic>
        <p:nvPicPr>
          <p:cNvPr id="614507352" name="SecondaryLogo"/>
          <p:cNvPicPr>
            <a:picLocks noChangeAspect="1"/>
          </p:cNvPicPr>
          <p:nvPr/>
        </p:nvPicPr>
        <p:blipFill>
          <a:blip r:embed="rId4"/>
          <a:stretch>
            <a:fillRect/>
          </a:stretch>
        </p:blipFill>
        <p:spPr>
          <a:xfrm>
            <a:off x="10206000" y="5997600"/>
            <a:ext cx="1658237" cy="558000"/>
          </a:xfrm>
          <a:prstGeom prst="rect">
            <a:avLst/>
          </a:prstGeom>
        </p:spPr>
      </p:pic>
      <p:sp>
        <p:nvSpPr>
          <p:cNvPr id="4" name="Slide Number Placeholder 3"/>
          <p:cNvSpPr>
            <a:spLocks noGrp="1"/>
          </p:cNvSpPr>
          <p:nvPr>
            <p:ph type="sldNum" sz="quarter" idx="12"/>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7043C255-9801-418C-81BE-3445AF732195}"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
        <p:nvSpPr>
          <p:cNvPr id="5" name="Text Placeholder 2">
            <a:extLst>
              <a:ext uri="{FF2B5EF4-FFF2-40B4-BE49-F238E27FC236}">
                <a16:creationId xmlns:a16="http://schemas.microsoft.com/office/drawing/2014/main" id="{1257501D-DD2A-E9E6-9B96-CAB3992E4058}"/>
              </a:ext>
            </a:extLst>
          </p:cNvPr>
          <p:cNvSpPr>
            <a:spLocks noGrp="1"/>
          </p:cNvSpPr>
          <p:nvPr>
            <p:ph type="body" sz="quarter" idx="13" hasCustomPrompt="1"/>
          </p:nvPr>
        </p:nvSpPr>
        <p:spPr>
          <a:xfrm>
            <a:off x="985838" y="3284984"/>
            <a:ext cx="10220325" cy="1800200"/>
          </a:xfrm>
        </p:spPr>
        <p:txBody>
          <a:bodyPr/>
          <a:lstStyle>
            <a:lvl1pPr marL="0" indent="0" algn="l">
              <a:lnSpc>
                <a:spcPct val="90000"/>
              </a:lnSpc>
              <a:spcBef>
                <a:spcPts val="0"/>
              </a:spcBef>
              <a:buSzPct val="250000"/>
              <a:buFontTx/>
              <a:buNone/>
              <a:defRPr sz="5000" b="0">
                <a:solidFill>
                  <a:schemeClr val="bg1"/>
                </a:solidFill>
                <a:latin typeface="AU Passata Light" panose="020B0303030902030804" pitchFamily="34" charset="77"/>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indsætte tekst</a:t>
            </a:r>
          </a:p>
        </p:txBody>
      </p:sp>
      <p:sp>
        <p:nvSpPr>
          <p:cNvPr id="6" name="Text Placeholder 2">
            <a:extLst>
              <a:ext uri="{FF2B5EF4-FFF2-40B4-BE49-F238E27FC236}">
                <a16:creationId xmlns:a16="http://schemas.microsoft.com/office/drawing/2014/main" id="{E29E28A1-97B7-F1CB-E6E2-1BDC8FD819E4}"/>
              </a:ext>
            </a:extLst>
          </p:cNvPr>
          <p:cNvSpPr>
            <a:spLocks noGrp="1"/>
          </p:cNvSpPr>
          <p:nvPr>
            <p:ph type="body" sz="quarter" idx="16" hasCustomPrompt="1"/>
          </p:nvPr>
        </p:nvSpPr>
        <p:spPr>
          <a:xfrm>
            <a:off x="1005388" y="1961214"/>
            <a:ext cx="10220325" cy="1139982"/>
          </a:xfrm>
        </p:spPr>
        <p:txBody>
          <a:bodyPr/>
          <a:lstStyle>
            <a:lvl1pPr marL="0" indent="0" algn="l">
              <a:lnSpc>
                <a:spcPct val="90000"/>
              </a:lnSpc>
              <a:spcBef>
                <a:spcPts val="0"/>
              </a:spcBef>
              <a:buSzPct val="250000"/>
              <a:buFontTx/>
              <a:buNone/>
              <a:defRPr sz="10000" b="1">
                <a:solidFill>
                  <a:schemeClr val="bg1"/>
                </a:solidFill>
                <a:latin typeface="+mn-lt"/>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Indsæt tal</a:t>
            </a:r>
          </a:p>
        </p:txBody>
      </p:sp>
      <p:sp>
        <p:nvSpPr>
          <p:cNvPr id="7" name="TextBox 8">
            <a:extLst>
              <a:ext uri="{FF2B5EF4-FFF2-40B4-BE49-F238E27FC236}">
                <a16:creationId xmlns:a16="http://schemas.microsoft.com/office/drawing/2014/main" id="{5E0D6ED6-E5B7-6E7D-A819-8B24146CA6DF}"/>
              </a:ext>
            </a:extLst>
          </p:cNvPr>
          <p:cNvSpPr txBox="1"/>
          <p:nvPr userDrawn="1"/>
        </p:nvSpPr>
        <p:spPr>
          <a:xfrm>
            <a:off x="-2042492" y="3297559"/>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 med AU Passata Bold </a:t>
            </a:r>
            <a:br>
              <a:rPr lang="da-DK" sz="1000" noProof="1">
                <a:solidFill>
                  <a:schemeClr val="tx1">
                    <a:lumMod val="75000"/>
                    <a:lumOff val="25000"/>
                  </a:schemeClr>
                </a:solidFill>
              </a:rPr>
            </a:br>
            <a:r>
              <a:rPr lang="da-DK" sz="1000" noProof="1">
                <a:solidFill>
                  <a:schemeClr val="tx1">
                    <a:lumMod val="75000"/>
                    <a:lumOff val="25000"/>
                  </a:schemeClr>
                </a:solidFill>
              </a:rPr>
              <a:t>eller med din temafarve</a:t>
            </a:r>
            <a:endParaRPr lang="da-DK" sz="4799"/>
          </a:p>
        </p:txBody>
      </p:sp>
    </p:spTree>
    <p:extLst>
      <p:ext uri="{BB962C8B-B14F-4D97-AF65-F5344CB8AC3E}">
        <p14:creationId xmlns:p14="http://schemas.microsoft.com/office/powerpoint/2010/main" val="406170723"/>
      </p:ext>
    </p:extLst>
  </p:cSld>
  <p:clrMapOvr>
    <a:masterClrMapping/>
  </p:clrMapOvr>
  <p:transition spd="slow">
    <p:fade/>
  </p:transition>
</p:sldLayout>
</file>

<file path=ppt/slideLayouts/slideLayout132.xml><?xml version="1.0" encoding="utf-8"?>
<p:sldLayout xmlns:a="http://schemas.openxmlformats.org/drawingml/2006/main" xmlns:r="http://schemas.openxmlformats.org/officeDocument/2006/relationships" xmlns:p="http://schemas.openxmlformats.org/presentationml/2006/main" showMasterSp="0" preserve="1" userDrawn="1">
  <p:cSld name="Fact slide image">
    <p:bg>
      <p:bgPr>
        <a:solidFill>
          <a:schemeClr val="bg1">
            <a:alpha val="37000"/>
          </a:schemeClr>
        </a:solidFill>
        <a:effectLst/>
      </p:bgPr>
    </p:bg>
    <p:spTree>
      <p:nvGrpSpPr>
        <p:cNvPr id="1" name=""/>
        <p:cNvGrpSpPr/>
        <p:nvPr/>
      </p:nvGrpSpPr>
      <p:grpSpPr>
        <a:xfrm>
          <a:off x="0" y="0"/>
          <a:ext cx="0" cy="0"/>
          <a:chOff x="0" y="0"/>
          <a:chExt cx="0" cy="0"/>
        </a:xfrm>
      </p:grpSpPr>
      <p:sp>
        <p:nvSpPr>
          <p:cNvPr id="8" name="Pladsholder til billede 7">
            <a:extLst>
              <a:ext uri="{FF2B5EF4-FFF2-40B4-BE49-F238E27FC236}">
                <a16:creationId xmlns:a16="http://schemas.microsoft.com/office/drawing/2014/main" id="{2C8D26D0-0E26-499C-2B40-1E32402E9CA8}"/>
              </a:ext>
            </a:extLst>
          </p:cNvPr>
          <p:cNvSpPr>
            <a:spLocks noGrp="1"/>
          </p:cNvSpPr>
          <p:nvPr>
            <p:ph type="pic" sz="quarter" idx="17" hasCustomPrompt="1"/>
          </p:nvPr>
        </p:nvSpPr>
        <p:spPr>
          <a:xfrm>
            <a:off x="25469" y="0"/>
            <a:ext cx="12188825" cy="6858000"/>
          </a:xfrm>
          <a:solidFill>
            <a:schemeClr val="bg1">
              <a:lumMod val="85000"/>
            </a:schemeClr>
          </a:solidFill>
        </p:spPr>
        <p:txBody>
          <a:bodyPr/>
          <a:lstStyle/>
          <a:p>
            <a:pPr marL="0" marR="0" lvl="0" indent="0" algn="l" defTabSz="914400" rtl="0" eaLnBrk="1" fontAlgn="base" latinLnBrk="0" hangingPunct="1">
              <a:lnSpc>
                <a:spcPct val="90000"/>
              </a:lnSpc>
              <a:spcBef>
                <a:spcPts val="600"/>
              </a:spcBef>
              <a:spcAft>
                <a:spcPct val="0"/>
              </a:spcAft>
              <a:buClr>
                <a:schemeClr val="tx1"/>
              </a:buClr>
              <a:buSzPct val="100000"/>
              <a:buFont typeface="Calibri" panose="020F0502020204030204" pitchFamily="34" charset="0"/>
              <a:buChar char="​"/>
              <a:tabLst/>
              <a:defRPr/>
            </a:pPr>
            <a:r>
              <a:rPr lang="da-DK"/>
              <a:t>Klik her og tilføj billede via </a:t>
            </a:r>
            <a:r>
              <a:rPr lang="da-DK" err="1"/>
              <a:t>Templafy</a:t>
            </a:r>
            <a:r>
              <a:rPr lang="da-DK"/>
              <a:t> billedbibliotek</a:t>
            </a:r>
          </a:p>
          <a:p>
            <a:endParaRPr lang="da-DK"/>
          </a:p>
        </p:txBody>
      </p:sp>
      <p:sp>
        <p:nvSpPr>
          <p:cNvPr id="25"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26"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DATO</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TITEL</a:t>
            </a:r>
          </a:p>
        </p:txBody>
      </p:sp>
      <p:sp>
        <p:nvSpPr>
          <p:cNvPr id="27"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r>
              <a:rPr lang="da-DK" sz="700" b="0" cap="all" baseline="0">
                <a:solidFill>
                  <a:schemeClr val="bg1"/>
                </a:solidFill>
                <a:latin typeface="+mn-lt"/>
              </a:rPr>
              <a:t>TITEL</a:t>
            </a: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NAV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pic>
        <p:nvPicPr>
          <p:cNvPr id="614507352" name="SecondaryLogo"/>
          <p:cNvPicPr>
            <a:picLocks noChangeAspect="1"/>
          </p:cNvPicPr>
          <p:nvPr/>
        </p:nvPicPr>
        <p:blipFill>
          <a:blip r:embed="rId4"/>
          <a:stretch>
            <a:fillRect/>
          </a:stretch>
        </p:blipFill>
        <p:spPr>
          <a:xfrm>
            <a:off x="10206000" y="5997600"/>
            <a:ext cx="1658237" cy="558000"/>
          </a:xfrm>
          <a:prstGeom prst="rect">
            <a:avLst/>
          </a:prstGeom>
        </p:spPr>
      </p:pic>
      <p:sp>
        <p:nvSpPr>
          <p:cNvPr id="4" name="Slide Number Placeholder 3"/>
          <p:cNvSpPr>
            <a:spLocks noGrp="1"/>
          </p:cNvSpPr>
          <p:nvPr>
            <p:ph type="sldNum" sz="quarter" idx="12"/>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EF1F62F1-8E71-4082-BEAB-14EC289492B1}"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
        <p:nvSpPr>
          <p:cNvPr id="5" name="Text Placeholder 2">
            <a:extLst>
              <a:ext uri="{FF2B5EF4-FFF2-40B4-BE49-F238E27FC236}">
                <a16:creationId xmlns:a16="http://schemas.microsoft.com/office/drawing/2014/main" id="{1257501D-DD2A-E9E6-9B96-CAB3992E4058}"/>
              </a:ext>
            </a:extLst>
          </p:cNvPr>
          <p:cNvSpPr>
            <a:spLocks noGrp="1"/>
          </p:cNvSpPr>
          <p:nvPr>
            <p:ph type="body" sz="quarter" idx="13" hasCustomPrompt="1"/>
          </p:nvPr>
        </p:nvSpPr>
        <p:spPr>
          <a:xfrm>
            <a:off x="985838" y="3140968"/>
            <a:ext cx="10220325" cy="1800200"/>
          </a:xfrm>
        </p:spPr>
        <p:txBody>
          <a:bodyPr/>
          <a:lstStyle>
            <a:lvl1pPr marL="0" indent="0" algn="l">
              <a:lnSpc>
                <a:spcPct val="90000"/>
              </a:lnSpc>
              <a:spcBef>
                <a:spcPts val="0"/>
              </a:spcBef>
              <a:buSzPct val="250000"/>
              <a:buFontTx/>
              <a:buNone/>
              <a:defRPr sz="5000" b="0">
                <a:solidFill>
                  <a:schemeClr val="bg1"/>
                </a:solidFill>
                <a:latin typeface="AU Passata Light" panose="020B0303030902030804" pitchFamily="34" charset="77"/>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indsætte tekst</a:t>
            </a:r>
          </a:p>
        </p:txBody>
      </p:sp>
      <p:sp>
        <p:nvSpPr>
          <p:cNvPr id="6" name="Text Placeholder 2">
            <a:extLst>
              <a:ext uri="{FF2B5EF4-FFF2-40B4-BE49-F238E27FC236}">
                <a16:creationId xmlns:a16="http://schemas.microsoft.com/office/drawing/2014/main" id="{E29E28A1-97B7-F1CB-E6E2-1BDC8FD819E4}"/>
              </a:ext>
            </a:extLst>
          </p:cNvPr>
          <p:cNvSpPr>
            <a:spLocks noGrp="1"/>
          </p:cNvSpPr>
          <p:nvPr>
            <p:ph type="body" sz="quarter" idx="16" hasCustomPrompt="1"/>
          </p:nvPr>
        </p:nvSpPr>
        <p:spPr>
          <a:xfrm>
            <a:off x="1005388" y="1958975"/>
            <a:ext cx="10220325" cy="1187873"/>
          </a:xfrm>
        </p:spPr>
        <p:txBody>
          <a:bodyPr/>
          <a:lstStyle>
            <a:lvl1pPr marL="0" indent="0" algn="l">
              <a:lnSpc>
                <a:spcPct val="90000"/>
              </a:lnSpc>
              <a:spcBef>
                <a:spcPts val="0"/>
              </a:spcBef>
              <a:buSzPct val="250000"/>
              <a:buFontTx/>
              <a:buNone/>
              <a:defRPr sz="8000" b="1">
                <a:solidFill>
                  <a:schemeClr val="bg1"/>
                </a:solidFill>
                <a:latin typeface="+mn-lt"/>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Indsæt tal</a:t>
            </a:r>
          </a:p>
        </p:txBody>
      </p:sp>
      <p:sp>
        <p:nvSpPr>
          <p:cNvPr id="7" name="TextBox 8">
            <a:extLst>
              <a:ext uri="{FF2B5EF4-FFF2-40B4-BE49-F238E27FC236}">
                <a16:creationId xmlns:a16="http://schemas.microsoft.com/office/drawing/2014/main" id="{8AE98E6A-7C3F-D374-7D84-C4C452240E2C}"/>
              </a:ext>
            </a:extLst>
          </p:cNvPr>
          <p:cNvSpPr txBox="1"/>
          <p:nvPr userDrawn="1"/>
        </p:nvSpPr>
        <p:spPr>
          <a:xfrm>
            <a:off x="-2114500" y="3288984"/>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 med AU Passata Bold </a:t>
            </a:r>
            <a:br>
              <a:rPr lang="da-DK" sz="1000" noProof="1">
                <a:solidFill>
                  <a:schemeClr val="tx1">
                    <a:lumMod val="75000"/>
                    <a:lumOff val="25000"/>
                  </a:schemeClr>
                </a:solidFill>
              </a:rPr>
            </a:br>
            <a:r>
              <a:rPr lang="da-DK" sz="1000" noProof="1">
                <a:solidFill>
                  <a:schemeClr val="tx1">
                    <a:lumMod val="75000"/>
                    <a:lumOff val="25000"/>
                  </a:schemeClr>
                </a:solidFill>
              </a:rPr>
              <a:t>eller med din temafarve</a:t>
            </a:r>
            <a:endParaRPr lang="da-DK" sz="4799"/>
          </a:p>
        </p:txBody>
      </p:sp>
    </p:spTree>
    <p:extLst>
      <p:ext uri="{BB962C8B-B14F-4D97-AF65-F5344CB8AC3E}">
        <p14:creationId xmlns:p14="http://schemas.microsoft.com/office/powerpoint/2010/main" val="3400483017"/>
      </p:ext>
    </p:extLst>
  </p:cSld>
  <p:clrMapOvr>
    <a:masterClrMapping/>
  </p:clrMapOvr>
  <p:transition spd="slow">
    <p:fade/>
  </p:transition>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Image slide">
    <p:spTree>
      <p:nvGrpSpPr>
        <p:cNvPr id="1" name=""/>
        <p:cNvGrpSpPr/>
        <p:nvPr/>
      </p:nvGrpSpPr>
      <p:grpSpPr>
        <a:xfrm>
          <a:off x="0" y="0"/>
          <a:ext cx="0" cy="0"/>
          <a:chOff x="0" y="0"/>
          <a:chExt cx="0" cy="0"/>
        </a:xfrm>
      </p:grpSpPr>
      <p:sp>
        <p:nvSpPr>
          <p:cNvPr id="5" name="Picture Placeholder 1"/>
          <p:cNvSpPr>
            <a:spLocks noGrp="1"/>
          </p:cNvSpPr>
          <p:nvPr>
            <p:ph type="pic" sz="quarter" idx="11" hasCustomPrompt="1"/>
          </p:nvPr>
        </p:nvSpPr>
        <p:spPr>
          <a:xfrm>
            <a:off x="304800" y="316800"/>
            <a:ext cx="11571600" cy="55836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8" name="Slide Number Placeholder 7"/>
          <p:cNvSpPr>
            <a:spLocks noGrp="1"/>
          </p:cNvSpPr>
          <p:nvPr>
            <p:ph type="sldNum" sz="quarter" idx="14"/>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174E9E2B-5BD9-4A12-A7DB-C78BA4F0117E}" type="datetime1">
              <a:rPr lang="da-DK" smtClean="0"/>
              <a:t>09-04-2026</a:t>
            </a:fld>
            <a:r>
              <a:rPr lang="da-DK"/>
              <a:t>18-08-2024</a:t>
            </a:r>
          </a:p>
        </p:txBody>
      </p:sp>
      <p:sp>
        <p:nvSpPr>
          <p:cNvPr id="7" name="Footer Placeholder 6" hidden="1"/>
          <p:cNvSpPr>
            <a:spLocks noGrp="1"/>
          </p:cNvSpPr>
          <p:nvPr>
            <p:ph type="ftr" sz="quarter" idx="13"/>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905211046"/>
      </p:ext>
    </p:extLst>
  </p:cSld>
  <p:clrMapOvr>
    <a:masterClrMapping/>
  </p:clrMapOvr>
  <p:transition spd="slow">
    <p:fade/>
  </p:transition>
</p:sldLayout>
</file>

<file path=ppt/slideLayouts/slideLayout134.xml><?xml version="1.0" encoding="utf-8"?>
<p:sldLayout xmlns:a="http://schemas.openxmlformats.org/drawingml/2006/main" xmlns:r="http://schemas.openxmlformats.org/officeDocument/2006/relationships" xmlns:p="http://schemas.openxmlformats.org/presentationml/2006/main" showMasterSp="0" preserve="1" userDrawn="1">
  <p:cSld name="Full slide image">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315913" y="315913"/>
            <a:ext cx="11557000" cy="6220354"/>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8" name="Slide Number Placeholder 7"/>
          <p:cNvSpPr>
            <a:spLocks noGrp="1"/>
          </p:cNvSpPr>
          <p:nvPr>
            <p:ph type="sldNum" sz="quarter" idx="14"/>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BB349A31-EAD4-4D52-93FB-E8D4F0987A14}" type="datetime1">
              <a:rPr lang="da-DK" smtClean="0"/>
              <a:t>09-04-2026</a:t>
            </a:fld>
            <a:r>
              <a:rPr lang="da-DK"/>
              <a:t>18-08-2024</a:t>
            </a:r>
          </a:p>
        </p:txBody>
      </p:sp>
      <p:sp>
        <p:nvSpPr>
          <p:cNvPr id="7" name="Footer Placeholder 6" hidden="1"/>
          <p:cNvSpPr>
            <a:spLocks noGrp="1"/>
          </p:cNvSpPr>
          <p:nvPr>
            <p:ph type="ftr" sz="quarter" idx="13"/>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154640124"/>
      </p:ext>
    </p:extLst>
  </p:cSld>
  <p:clrMapOvr>
    <a:masterClrMapping/>
  </p:clrMapOvr>
  <p:transition spd="slow">
    <p:fade/>
  </p:transition>
</p:sldLayout>
</file>

<file path=ppt/slideLayouts/slideLayout135.xml><?xml version="1.0" encoding="utf-8"?>
<p:sldLayout xmlns:a="http://schemas.openxmlformats.org/drawingml/2006/main" xmlns:r="http://schemas.openxmlformats.org/officeDocument/2006/relationships" xmlns:p="http://schemas.openxmlformats.org/presentationml/2006/main" showMasterSp="0" preserve="1" userDrawn="1">
  <p:cSld name="Full slide image and text">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0" y="15095"/>
            <a:ext cx="12200490" cy="6842905"/>
          </a:xfrm>
          <a:solidFill>
            <a:schemeClr val="bg1">
              <a:lumMod val="85000"/>
            </a:schemeClr>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6" name="Date Placeholder 5" hidden="1"/>
          <p:cNvSpPr>
            <a:spLocks noGrp="1"/>
          </p:cNvSpPr>
          <p:nvPr>
            <p:ph type="dt" sz="half" idx="12"/>
          </p:nvPr>
        </p:nvSpPr>
        <p:spPr/>
        <p:txBody>
          <a:bodyPr/>
          <a:lstStyle/>
          <a:p>
            <a:fld id="{F86B4251-EAC4-4B2D-A01F-C27C9BD1613A}" type="datetime1">
              <a:rPr lang="da-DK" smtClean="0"/>
              <a:t>09-04-2026</a:t>
            </a:fld>
            <a:r>
              <a:rPr lang="da-DK"/>
              <a:t>18-08-2024</a:t>
            </a:r>
          </a:p>
        </p:txBody>
      </p:sp>
      <p:sp>
        <p:nvSpPr>
          <p:cNvPr id="7" name="Footer Placeholder 6" hidden="1"/>
          <p:cNvSpPr>
            <a:spLocks noGrp="1"/>
          </p:cNvSpPr>
          <p:nvPr>
            <p:ph type="ftr" sz="quarter" idx="13"/>
          </p:nvPr>
        </p:nvSpPr>
        <p:spPr>
          <a:xfrm>
            <a:off x="0" y="7020000"/>
            <a:ext cx="0" cy="0"/>
          </a:xfrm>
          <a:prstGeom prst="rect">
            <a:avLst/>
          </a:prstGeom>
        </p:spPr>
        <p:txBody>
          <a:bodyPr/>
          <a:lstStyle/>
          <a:p>
            <a:endParaRPr lang="da-DK"/>
          </a:p>
        </p:txBody>
      </p:sp>
      <p:sp>
        <p:nvSpPr>
          <p:cNvPr id="5" name="Text Placeholder 2">
            <a:extLst>
              <a:ext uri="{FF2B5EF4-FFF2-40B4-BE49-F238E27FC236}">
                <a16:creationId xmlns:a16="http://schemas.microsoft.com/office/drawing/2014/main" id="{1FB32875-847E-8263-8860-F349AB225C61}"/>
              </a:ext>
            </a:extLst>
          </p:cNvPr>
          <p:cNvSpPr>
            <a:spLocks noGrp="1"/>
          </p:cNvSpPr>
          <p:nvPr>
            <p:ph type="body" sz="quarter" idx="16" hasCustomPrompt="1"/>
          </p:nvPr>
        </p:nvSpPr>
        <p:spPr>
          <a:xfrm>
            <a:off x="1005389" y="1958975"/>
            <a:ext cx="10200774" cy="2406129"/>
          </a:xfrm>
        </p:spPr>
        <p:txBody>
          <a:bodyPr/>
          <a:lstStyle>
            <a:lvl1pPr marL="0" indent="0" algn="l">
              <a:lnSpc>
                <a:spcPct val="100000"/>
              </a:lnSpc>
              <a:spcBef>
                <a:spcPts val="0"/>
              </a:spcBef>
              <a:buSzPct val="250000"/>
              <a:buFontTx/>
              <a:buNone/>
              <a:defRPr sz="6000" b="1">
                <a:solidFill>
                  <a:schemeClr val="bg1"/>
                </a:solidFill>
                <a:latin typeface="+mn-lt"/>
              </a:defRPr>
            </a:lvl1pPr>
            <a:lvl2pPr marL="216000" indent="-216000" algn="ctr">
              <a:lnSpc>
                <a:spcPct val="99000"/>
              </a:lnSpc>
              <a:buFont typeface="Arial" panose="020B0604020202020204" pitchFamily="34" charset="0"/>
              <a:buChar char="-"/>
              <a:defRPr sz="4400" b="1" cap="all" baseline="0">
                <a:latin typeface="+mn-lt"/>
              </a:defRPr>
            </a:lvl2pPr>
            <a:lvl3pPr marL="576000" indent="0">
              <a:buNone/>
              <a:defRPr/>
            </a:lvl3pPr>
          </a:lstStyle>
          <a:p>
            <a:pPr lvl="0"/>
            <a:r>
              <a:rPr lang="da-DK"/>
              <a:t>Klik for at indsætte tekst</a:t>
            </a:r>
          </a:p>
        </p:txBody>
      </p:sp>
      <p:sp>
        <p:nvSpPr>
          <p:cNvPr id="9" name="TextBox 14">
            <a:extLst>
              <a:ext uri="{FF2B5EF4-FFF2-40B4-BE49-F238E27FC236}">
                <a16:creationId xmlns:a16="http://schemas.microsoft.com/office/drawing/2014/main" id="{F18146A3-DF8B-4368-3C6D-76DBC005B016}"/>
              </a:ext>
            </a:extLst>
          </p:cNvPr>
          <p:cNvSpPr txBox="1"/>
          <p:nvPr userDrawn="1"/>
        </p:nvSpPr>
        <p:spPr>
          <a:xfrm>
            <a:off x="-1973598" y="3082506"/>
            <a:ext cx="1825892" cy="923330"/>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Juster evt billedets farve</a:t>
            </a:r>
            <a:br>
              <a:rPr lang="da-DK" sz="1000" baseline="0" noProof="1">
                <a:solidFill>
                  <a:schemeClr val="tx1">
                    <a:lumMod val="75000"/>
                    <a:lumOff val="25000"/>
                  </a:schemeClr>
                </a:solidFill>
              </a:rPr>
            </a:br>
            <a:r>
              <a:rPr lang="da-DK" sz="1000" baseline="0" noProof="1">
                <a:solidFill>
                  <a:schemeClr val="tx1">
                    <a:lumMod val="75000"/>
                    <a:lumOff val="25000"/>
                  </a:schemeClr>
                </a:solidFill>
              </a:rPr>
              <a:t>med din temafarve</a:t>
            </a:r>
            <a:br>
              <a:rPr lang="da-DK" sz="1000" baseline="0" noProof="1">
                <a:solidFill>
                  <a:schemeClr val="tx1">
                    <a:lumMod val="75000"/>
                    <a:lumOff val="25000"/>
                  </a:schemeClr>
                </a:solidFill>
              </a:rPr>
            </a:br>
            <a:r>
              <a:rPr lang="da-DK" sz="1000" baseline="0" noProof="1">
                <a:solidFill>
                  <a:schemeClr val="tx1">
                    <a:lumMod val="75000"/>
                    <a:lumOff val="25000"/>
                  </a:schemeClr>
                </a:solidFill>
              </a:rPr>
              <a:t>under  Format &gt; Farve</a:t>
            </a:r>
          </a:p>
          <a:p>
            <a:pPr algn="r">
              <a:lnSpc>
                <a:spcPct val="100000"/>
              </a:lnSpc>
            </a:pPr>
            <a:endParaRPr lang="da-DK" sz="1000" baseline="0" noProof="1">
              <a:solidFill>
                <a:schemeClr val="tx1">
                  <a:lumMod val="75000"/>
                  <a:lumOff val="25000"/>
                </a:schemeClr>
              </a:solidFill>
            </a:endParaRPr>
          </a:p>
          <a:p>
            <a:pPr algn="r">
              <a:lnSpc>
                <a:spcPct val="100000"/>
              </a:lnSpc>
            </a:pPr>
            <a:r>
              <a:rPr lang="da-DK" sz="1000" baseline="0" noProof="1">
                <a:solidFill>
                  <a:schemeClr val="tx1">
                    <a:lumMod val="75000"/>
                    <a:lumOff val="25000"/>
                  </a:schemeClr>
                </a:solidFill>
              </a:rPr>
              <a:t>Vær obs på at der er god kontrast mellem tekst og billede</a:t>
            </a:r>
            <a:endParaRPr lang="da-DK" sz="4799"/>
          </a:p>
        </p:txBody>
      </p:sp>
    </p:spTree>
    <p:extLst>
      <p:ext uri="{BB962C8B-B14F-4D97-AF65-F5344CB8AC3E}">
        <p14:creationId xmlns:p14="http://schemas.microsoft.com/office/powerpoint/2010/main" val="2839221009"/>
      </p:ext>
    </p:extLst>
  </p:cSld>
  <p:clrMapOvr>
    <a:masterClrMapping/>
  </p:clrMapOvr>
  <p:transition spd="slow">
    <p:fade/>
  </p:transition>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Two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2424" y="316800"/>
            <a:ext cx="5649175" cy="55836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5" name="Picture Placeholder 2"/>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9" name="Slide Number Placeholder 8"/>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F0561E5D-0C8E-497B-8595-C367438F9DB2}" type="datetime1">
              <a:rPr lang="da-DK" smtClean="0"/>
              <a:t>09-04-2026</a:t>
            </a:fld>
            <a:r>
              <a:rPr lang="da-DK"/>
              <a:t>18-08-2024</a:t>
            </a:r>
          </a:p>
        </p:txBody>
      </p:sp>
      <p:sp>
        <p:nvSpPr>
          <p:cNvPr id="8" name="Footer Placeholder 7" hidden="1"/>
          <p:cNvSpPr>
            <a:spLocks noGrp="1"/>
          </p:cNvSpPr>
          <p:nvPr>
            <p:ph type="ftr" sz="quarter" idx="14"/>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230194514"/>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4">
          <p15:clr>
            <a:srgbClr val="A4A3A4"/>
          </p15:clr>
        </p15:guide>
      </p15:sldGuideLst>
    </p:ext>
  </p:extLst>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Two pictures full page">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032AF5F5-2757-C1D7-0411-64772C7AC3F3}"/>
              </a:ext>
            </a:extLst>
          </p:cNvPr>
          <p:cNvSpPr/>
          <p:nvPr userDrawn="1"/>
        </p:nvSpPr>
        <p:spPr bwMode="auto">
          <a:xfrm>
            <a:off x="-31924" y="0"/>
            <a:ext cx="12188826" cy="683606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4" name="Picture Placeholder 1"/>
          <p:cNvSpPr>
            <a:spLocks noGrp="1"/>
          </p:cNvSpPr>
          <p:nvPr>
            <p:ph type="pic" sz="quarter" idx="11" hasCustomPrompt="1"/>
          </p:nvPr>
        </p:nvSpPr>
        <p:spPr>
          <a:xfrm>
            <a:off x="304800" y="316799"/>
            <a:ext cx="5656800" cy="6241163"/>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5" name="Picture Placeholder 2"/>
          <p:cNvSpPr>
            <a:spLocks noGrp="1"/>
          </p:cNvSpPr>
          <p:nvPr>
            <p:ph type="pic" sz="quarter" idx="12" hasCustomPrompt="1"/>
          </p:nvPr>
        </p:nvSpPr>
        <p:spPr>
          <a:xfrm>
            <a:off x="6231600" y="316800"/>
            <a:ext cx="5644800" cy="6241162"/>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9" name="Slide Number Placeholder 8"/>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EF16FCD5-0ED9-4FE2-88DE-BDCDF23ACA4C}" type="datetime1">
              <a:rPr lang="da-DK" smtClean="0"/>
              <a:t>09-04-2026</a:t>
            </a:fld>
            <a:r>
              <a:rPr lang="da-DK"/>
              <a:t>18-08-2024</a:t>
            </a:r>
          </a:p>
        </p:txBody>
      </p:sp>
      <p:sp>
        <p:nvSpPr>
          <p:cNvPr id="8" name="Footer Placeholder 7" hidden="1"/>
          <p:cNvSpPr>
            <a:spLocks noGrp="1"/>
          </p:cNvSpPr>
          <p:nvPr>
            <p:ph type="ftr" sz="quarter" idx="14"/>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324536107"/>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4">
          <p15:clr>
            <a:srgbClr val="A4A3A4"/>
          </p15:clr>
        </p15:guide>
      </p15:sldGuideLst>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Three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2424" y="316800"/>
            <a:ext cx="5649175" cy="26532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7" name="Picture Placeholder 2"/>
          <p:cNvSpPr>
            <a:spLocks noGrp="1"/>
          </p:cNvSpPr>
          <p:nvPr>
            <p:ph type="pic" sz="quarter" idx="13" hasCustomPrompt="1"/>
          </p:nvPr>
        </p:nvSpPr>
        <p:spPr>
          <a:xfrm>
            <a:off x="312424" y="3237372"/>
            <a:ext cx="5649176" cy="26532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5" name="Picture Placeholder 3"/>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10" name="Slide Number Placeholder 9"/>
          <p:cNvSpPr>
            <a:spLocks noGrp="1"/>
          </p:cNvSpPr>
          <p:nvPr>
            <p:ph type="sldNum" sz="quarter" idx="16"/>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6CD0C008-54A1-497C-95A8-7E4D7598AD49}" type="datetime1">
              <a:rPr lang="da-DK" smtClean="0"/>
              <a:t>09-04-2026</a:t>
            </a:fld>
            <a:r>
              <a:rPr lang="da-DK"/>
              <a:t>18-08-2024</a:t>
            </a:r>
          </a:p>
        </p:txBody>
      </p:sp>
      <p:sp>
        <p:nvSpPr>
          <p:cNvPr id="9" name="Footer Placeholder 8" hidden="1"/>
          <p:cNvSpPr>
            <a:spLocks noGrp="1"/>
          </p:cNvSpPr>
          <p:nvPr>
            <p:ph type="ftr" sz="quarter" idx="15"/>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134285310"/>
      </p:ext>
    </p:extLst>
  </p:cSld>
  <p:clrMapOvr>
    <a:masterClrMapping/>
  </p:clrMapOvr>
  <p:transition spd="slow">
    <p:fade/>
  </p:transition>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Three pictures II">
    <p:spTree>
      <p:nvGrpSpPr>
        <p:cNvPr id="1" name=""/>
        <p:cNvGrpSpPr/>
        <p:nvPr/>
      </p:nvGrpSpPr>
      <p:grpSpPr>
        <a:xfrm>
          <a:off x="0" y="0"/>
          <a:ext cx="0" cy="0"/>
          <a:chOff x="0" y="0"/>
          <a:chExt cx="0" cy="0"/>
        </a:xfrm>
      </p:grpSpPr>
      <p:sp>
        <p:nvSpPr>
          <p:cNvPr id="5" name="Picture Placeholder 1"/>
          <p:cNvSpPr>
            <a:spLocks noGrp="1"/>
          </p:cNvSpPr>
          <p:nvPr>
            <p:ph type="pic" sz="quarter" idx="12" hasCustomPrompt="1"/>
          </p:nvPr>
        </p:nvSpPr>
        <p:spPr>
          <a:xfrm>
            <a:off x="304800" y="316800"/>
            <a:ext cx="5656800" cy="55836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4" name="Picture Placeholder 2"/>
          <p:cNvSpPr>
            <a:spLocks noGrp="1"/>
          </p:cNvSpPr>
          <p:nvPr>
            <p:ph type="pic" sz="quarter" idx="11" hasCustomPrompt="1"/>
          </p:nvPr>
        </p:nvSpPr>
        <p:spPr>
          <a:xfrm>
            <a:off x="6231600" y="316800"/>
            <a:ext cx="5644800" cy="26532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7" name="Picture Placeholder 3"/>
          <p:cNvSpPr>
            <a:spLocks noGrp="1"/>
          </p:cNvSpPr>
          <p:nvPr>
            <p:ph type="pic" sz="quarter" idx="13" hasCustomPrompt="1"/>
          </p:nvPr>
        </p:nvSpPr>
        <p:spPr>
          <a:xfrm>
            <a:off x="6231600" y="3237372"/>
            <a:ext cx="5644800" cy="26532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10" name="Slide Number Placeholder 9"/>
          <p:cNvSpPr>
            <a:spLocks noGrp="1"/>
          </p:cNvSpPr>
          <p:nvPr>
            <p:ph type="sldNum" sz="quarter" idx="16"/>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7B195225-407F-4A6E-B4FF-4A5E37A9AAA7}" type="datetime1">
              <a:rPr lang="da-DK" smtClean="0"/>
              <a:t>09-04-2026</a:t>
            </a:fld>
            <a:r>
              <a:rPr lang="da-DK"/>
              <a:t>18-08-2024</a:t>
            </a:r>
          </a:p>
        </p:txBody>
      </p:sp>
      <p:sp>
        <p:nvSpPr>
          <p:cNvPr id="9" name="Footer Placeholder 8" hidden="1"/>
          <p:cNvSpPr>
            <a:spLocks noGrp="1"/>
          </p:cNvSpPr>
          <p:nvPr>
            <p:ph type="ftr" sz="quarter" idx="15"/>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46303464"/>
      </p:ext>
    </p:extLst>
  </p:cSld>
  <p:clrMapOvr>
    <a:masterClrMapping/>
  </p:clrMapOvr>
  <p:transition spd="slow">
    <p:fade/>
  </p:transition>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el and Quote slide">
    <p:spTree>
      <p:nvGrpSpPr>
        <p:cNvPr id="1" name=""/>
        <p:cNvGrpSpPr/>
        <p:nvPr/>
      </p:nvGrpSpPr>
      <p:grpSpPr>
        <a:xfrm>
          <a:off x="0" y="0"/>
          <a:ext cx="0" cy="0"/>
          <a:chOff x="0" y="0"/>
          <a:chExt cx="0" cy="0"/>
        </a:xfrm>
      </p:grpSpPr>
      <p:sp>
        <p:nvSpPr>
          <p:cNvPr id="8" name="Hvid baggrund"/>
          <p:cNvSpPr/>
          <p:nvPr userDrawn="1"/>
        </p:nvSpPr>
        <p:spPr bwMode="auto">
          <a:xfrm>
            <a:off x="0" y="0"/>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Title 1"/>
          <p:cNvSpPr>
            <a:spLocks noGrp="1"/>
          </p:cNvSpPr>
          <p:nvPr>
            <p:ph type="title"/>
          </p:nvPr>
        </p:nvSpPr>
        <p:spPr>
          <a:xfrm>
            <a:off x="315913" y="230400"/>
            <a:ext cx="11563200" cy="752400"/>
          </a:xfrm>
        </p:spPr>
        <p:txBody>
          <a:bodyPr anchor="t" anchorCtr="0"/>
          <a:lstStyle/>
          <a:p>
            <a:r>
              <a:rPr lang="da-DK"/>
              <a:t>Click to edit Master title style</a:t>
            </a:r>
          </a:p>
        </p:txBody>
      </p:sp>
      <p:sp>
        <p:nvSpPr>
          <p:cNvPr id="7" name="Text Placeholder 2"/>
          <p:cNvSpPr>
            <a:spLocks noGrp="1"/>
          </p:cNvSpPr>
          <p:nvPr>
            <p:ph type="body" sz="quarter" idx="11" hasCustomPrompt="1"/>
          </p:nvPr>
        </p:nvSpPr>
        <p:spPr>
          <a:xfrm>
            <a:off x="2998068" y="1853461"/>
            <a:ext cx="6264696" cy="2725288"/>
          </a:xfrm>
        </p:spPr>
        <p:txBody>
          <a:bodyPr/>
          <a:lstStyle>
            <a:lvl1pPr marL="432000" indent="-432000" algn="ctr">
              <a:lnSpc>
                <a:spcPct val="107000"/>
              </a:lnSpc>
              <a:buSzPct val="250000"/>
              <a:buFontTx/>
              <a:buBlip>
                <a:blip r:embed="rId2"/>
              </a:buBlip>
              <a:defRPr sz="2800">
                <a:latin typeface="Georgia" panose="02040502050405020303" pitchFamily="18" charset="0"/>
              </a:defRPr>
            </a:lvl1pPr>
            <a:lvl2pPr marL="216000" indent="-216000" algn="ctr">
              <a:lnSpc>
                <a:spcPct val="99000"/>
              </a:lnSpc>
              <a:buFont typeface="Arial" panose="020B0604020202020204" pitchFamily="34" charset="0"/>
              <a:buChar char="-"/>
              <a:defRPr sz="2000" cap="all" baseline="0">
                <a:latin typeface="Georgia" panose="02040502050405020303" pitchFamily="18" charset="0"/>
              </a:defRPr>
            </a:lvl2pPr>
            <a:lvl3pPr marL="576000" indent="0">
              <a:buNone/>
              <a:defRPr/>
            </a:lvl3pPr>
          </a:lstStyle>
          <a:p>
            <a:pPr lvl="0"/>
            <a:r>
              <a:rPr lang="da-DK"/>
              <a:t>Click to add Quote text, for next level ENTER and TAB</a:t>
            </a:r>
          </a:p>
          <a:p>
            <a:pPr lvl="1"/>
            <a:r>
              <a:rPr lang="da-DK"/>
              <a:t>Second level</a:t>
            </a:r>
          </a:p>
        </p:txBody>
      </p:sp>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A6CEDF57-5C86-4739-9A32-E991EA3A788A}" type="datetime1">
              <a:rPr lang="da-DK" smtClean="0"/>
              <a:t>09-04-2026</a:t>
            </a:fld>
            <a:endParaRPr lang="da-DK"/>
          </a:p>
        </p:txBody>
      </p:sp>
      <p:sp>
        <p:nvSpPr>
          <p:cNvPr id="10" name="Footer Placeholder 9"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1495154628"/>
      </p:ext>
    </p:extLst>
  </p:cSld>
  <p:clrMapOvr>
    <a:masterClrMapping/>
  </p:clrMapOvr>
</p:sldLayout>
</file>

<file path=ppt/slideLayouts/slideLayout140.xml><?xml version="1.0" encoding="utf-8"?>
<p:sldLayout xmlns:a="http://schemas.openxmlformats.org/drawingml/2006/main" xmlns:r="http://schemas.openxmlformats.org/officeDocument/2006/relationships" xmlns:p="http://schemas.openxmlformats.org/presentationml/2006/main" showMasterSp="0" preserve="1" userDrawn="1">
  <p:cSld name="Full slide content">
    <p:spTree>
      <p:nvGrpSpPr>
        <p:cNvPr id="1" name=""/>
        <p:cNvGrpSpPr/>
        <p:nvPr/>
      </p:nvGrpSpPr>
      <p:grpSpPr>
        <a:xfrm>
          <a:off x="0" y="0"/>
          <a:ext cx="0" cy="0"/>
          <a:chOff x="0" y="0"/>
          <a:chExt cx="0" cy="0"/>
        </a:xfrm>
      </p:grpSpPr>
      <p:sp>
        <p:nvSpPr>
          <p:cNvPr id="5" name="Content Placeholder 1"/>
          <p:cNvSpPr>
            <a:spLocks noGrp="1"/>
          </p:cNvSpPr>
          <p:nvPr>
            <p:ph sz="quarter" idx="12" hasCustomPrompt="1"/>
          </p:nvPr>
        </p:nvSpPr>
        <p:spPr>
          <a:xfrm>
            <a:off x="307180" y="328613"/>
            <a:ext cx="11574463" cy="6252884"/>
          </a:xfrm>
        </p:spPr>
        <p:txBody>
          <a:bodyPr/>
          <a:lstStyle/>
          <a:p>
            <a:pPr lvl="0"/>
            <a:r>
              <a:rPr lang="da-DK"/>
              <a:t>Klik for at indsætte indhold</a:t>
            </a:r>
          </a:p>
          <a:p>
            <a:pPr lvl="1"/>
            <a:r>
              <a:rPr lang="da-DK"/>
              <a:t>Andet niveau</a:t>
            </a:r>
          </a:p>
          <a:p>
            <a:pPr lvl="2"/>
            <a:r>
              <a:rPr lang="da-DK"/>
              <a:t>Tredje niveau</a:t>
            </a:r>
          </a:p>
          <a:p>
            <a:pPr lvl="3"/>
            <a:r>
              <a:rPr lang="da-DK"/>
              <a:t>Fjerde niveau</a:t>
            </a:r>
          </a:p>
          <a:p>
            <a:pPr lvl="4"/>
            <a:r>
              <a:rPr lang="da-DK"/>
              <a:t>Femte niveau</a:t>
            </a:r>
          </a:p>
        </p:txBody>
      </p:sp>
      <p:sp>
        <p:nvSpPr>
          <p:cNvPr id="8" name="Slide Number Placeholder 7"/>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41328C8A-A1E4-4D45-B697-BBD0EF7F4F4F}" type="datetime1">
              <a:rPr lang="da-DK" smtClean="0"/>
              <a:t>09-04-2026</a:t>
            </a:fld>
            <a:r>
              <a:rPr lang="da-DK"/>
              <a:t>18-08-2024</a:t>
            </a:r>
          </a:p>
        </p:txBody>
      </p:sp>
      <p:sp>
        <p:nvSpPr>
          <p:cNvPr id="7" name="Footer Placeholder 6" hidden="1"/>
          <p:cNvSpPr>
            <a:spLocks noGrp="1"/>
          </p:cNvSpPr>
          <p:nvPr>
            <p:ph type="ftr" sz="quarter" idx="14"/>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307064930"/>
      </p:ext>
    </p:extLst>
  </p:cSld>
  <p:clrMapOvr>
    <a:masterClrMapping/>
  </p:clrMapOvr>
  <p:transition spd="slow">
    <p:fade/>
  </p:transition>
</p:sldLayout>
</file>

<file path=ppt/slideLayouts/slideLayout141.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da-DK"/>
              <a:t>Klik for at </a:t>
            </a:r>
            <a:br>
              <a:rPr lang="da-DK"/>
            </a:br>
            <a:r>
              <a:rPr lang="da-DK"/>
              <a:t>indsætte titel</a:t>
            </a:r>
          </a:p>
        </p:txBody>
      </p:sp>
      <p:sp>
        <p:nvSpPr>
          <p:cNvPr id="6" name="TextBox 5"/>
          <p:cNvSpPr txBox="1"/>
          <p:nvPr userDrawn="1"/>
        </p:nvSpPr>
        <p:spPr>
          <a:xfrm>
            <a:off x="-2160355" y="1022476"/>
            <a:ext cx="2012649" cy="473425"/>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Light</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ED214711-AD7C-48F7-AEFE-DC46E332A4DB}"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092194045"/>
      </p:ext>
    </p:extLst>
  </p:cSld>
  <p:clrMapOvr>
    <a:masterClrMapping/>
  </p:clrMapOvr>
  <p:transition spd="slow">
    <p:fade/>
  </p:transition>
</p:sldLayout>
</file>

<file path=ppt/slideLayouts/slideLayout142.xml><?xml version="1.0" encoding="utf-8"?>
<p:sldLayout xmlns:a="http://schemas.openxmlformats.org/drawingml/2006/main" xmlns:r="http://schemas.openxmlformats.org/officeDocument/2006/relationships" xmlns:p="http://schemas.openxmlformats.org/presentationml/2006/main" type="blank" preserve="1">
  <p:cSld name="Empty">
    <p:spTree>
      <p:nvGrpSpPr>
        <p:cNvPr id="1" name=""/>
        <p:cNvGrpSpPr/>
        <p:nvPr/>
      </p:nvGrpSpPr>
      <p:grpSpPr>
        <a:xfrm>
          <a:off x="0" y="0"/>
          <a:ext cx="0" cy="0"/>
          <a:chOff x="0" y="0"/>
          <a:chExt cx="0" cy="0"/>
        </a:xfrm>
      </p:grpSpPr>
      <p:sp>
        <p:nvSpPr>
          <p:cNvPr id="3" name="Rectangle 2"/>
          <p:cNvSpPr/>
          <p:nvPr userDrawn="1"/>
        </p:nvSpPr>
        <p:spPr bwMode="auto">
          <a:xfrm>
            <a:off x="765820" y="1340768"/>
            <a:ext cx="1224136" cy="504056"/>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Slide Number Placeholder 4"/>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E1B3647B-3F77-4A03-995C-1AAD1DBCFCFF}" type="datetime1">
              <a:rPr lang="da-DK" smtClean="0"/>
              <a:t>09-04-2026</a:t>
            </a:fld>
            <a:r>
              <a:rPr lang="da-DK"/>
              <a:t>18-08-2024</a:t>
            </a:r>
          </a:p>
        </p:txBody>
      </p:sp>
      <p:sp>
        <p:nvSpPr>
          <p:cNvPr id="4" name="Footer Placeholder 3"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157994892"/>
      </p:ext>
    </p:extLst>
  </p:cSld>
  <p:clrMapOvr>
    <a:masterClrMapping/>
  </p:clrMapOvr>
  <p:transition spd="slow">
    <p:fade/>
  </p:transition>
</p:sldLayout>
</file>

<file path=ppt/slideLayouts/slideLayout143.xml><?xml version="1.0" encoding="utf-8"?>
<p:sldLayout xmlns:a="http://schemas.openxmlformats.org/drawingml/2006/main" xmlns:r="http://schemas.openxmlformats.org/officeDocument/2006/relationships" xmlns:p="http://schemas.openxmlformats.org/presentationml/2006/main" showMasterSp="0" preserve="1" userDrawn="1">
  <p:cSld name="Contact info">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6" name="Pladsholder til tekst 5">
            <a:extLst>
              <a:ext uri="{FF2B5EF4-FFF2-40B4-BE49-F238E27FC236}">
                <a16:creationId xmlns:a16="http://schemas.microsoft.com/office/drawing/2014/main" id="{23936382-D4B8-6A03-FACB-4B78070E00B6}"/>
              </a:ext>
            </a:extLst>
          </p:cNvPr>
          <p:cNvSpPr>
            <a:spLocks noGrp="1"/>
          </p:cNvSpPr>
          <p:nvPr>
            <p:ph type="body" sz="quarter" idx="13" hasCustomPrompt="1"/>
          </p:nvPr>
        </p:nvSpPr>
        <p:spPr>
          <a:xfrm>
            <a:off x="967978" y="2349276"/>
            <a:ext cx="10238120" cy="3455988"/>
          </a:xfrm>
        </p:spPr>
        <p:txBody>
          <a:bodyPr/>
          <a:lstStyle>
            <a:lvl1pPr>
              <a:defRPr sz="4000" b="1">
                <a:solidFill>
                  <a:schemeClr val="bg1"/>
                </a:solidFill>
              </a:defRPr>
            </a:lvl1pPr>
          </a:lstStyle>
          <a:p>
            <a:pPr lvl="0"/>
            <a:r>
              <a:rPr lang="da-DK"/>
              <a:t>Klik for at tilføje navn </a:t>
            </a:r>
            <a:br>
              <a:rPr lang="da-DK"/>
            </a:br>
            <a:r>
              <a:rPr lang="da-DK"/>
              <a:t>og info på afsender</a:t>
            </a:r>
          </a:p>
        </p:txBody>
      </p:sp>
      <p:sp>
        <p:nvSpPr>
          <p:cNvPr id="5" name="Date Placeholder 4" hidden="1"/>
          <p:cNvSpPr>
            <a:spLocks noGrp="1"/>
          </p:cNvSpPr>
          <p:nvPr>
            <p:ph type="dt" sz="half" idx="10"/>
          </p:nvPr>
        </p:nvSpPr>
        <p:spPr/>
        <p:txBody>
          <a:bodyPr/>
          <a:lstStyle/>
          <a:p>
            <a:fld id="{FFDD48B9-02F9-485F-8D5A-7C6A3C8EAD65}" type="datetime1">
              <a:rPr lang="da-DK" smtClean="0"/>
              <a:t>09-04-2026</a:t>
            </a:fld>
            <a:r>
              <a:rPr lang="da-DK"/>
              <a:t>18-08-2024</a:t>
            </a:r>
          </a:p>
        </p:txBody>
      </p:sp>
      <p:sp>
        <p:nvSpPr>
          <p:cNvPr id="7"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9"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
        <p:nvSpPr>
          <p:cNvPr id="10" name="OFF_logo2Computed">
            <a:extLst>
              <a:ext uri="{FF2B5EF4-FFF2-40B4-BE49-F238E27FC236}">
                <a16:creationId xmlns:a16="http://schemas.microsoft.com/office/drawing/2014/main" id="{69645D9B-C2CF-73D0-42A6-B079A1FF8478}"/>
              </a:ext>
            </a:extLst>
          </p:cNvPr>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11" name="OFF_logo1Computed">
            <a:extLst>
              <a:ext uri="{FF2B5EF4-FFF2-40B4-BE49-F238E27FC236}">
                <a16:creationId xmlns:a16="http://schemas.microsoft.com/office/drawing/2014/main" id="{DEE90FB4-382B-63E6-F6B2-D64235EA20F8}"/>
              </a:ext>
            </a:extLst>
          </p:cNvPr>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12" name="Date_DateCustomA">
            <a:extLst>
              <a:ext uri="{FF2B5EF4-FFF2-40B4-BE49-F238E27FC236}">
                <a16:creationId xmlns:a16="http://schemas.microsoft.com/office/drawing/2014/main" id="{AD28D9C7-26B7-783C-5EFE-9BB253AAA726}"/>
              </a:ext>
            </a:extLst>
          </p:cNvPr>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DATO</a:t>
            </a:r>
          </a:p>
        </p:txBody>
      </p:sp>
      <p:sp>
        <p:nvSpPr>
          <p:cNvPr id="13" name="USR_Title">
            <a:extLst>
              <a:ext uri="{FF2B5EF4-FFF2-40B4-BE49-F238E27FC236}">
                <a16:creationId xmlns:a16="http://schemas.microsoft.com/office/drawing/2014/main" id="{DB0D16C8-7603-CE82-B74B-D34DADAD4DD6}"/>
              </a:ext>
            </a:extLst>
          </p:cNvPr>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TITEL</a:t>
            </a:r>
          </a:p>
        </p:txBody>
      </p:sp>
      <p:sp>
        <p:nvSpPr>
          <p:cNvPr id="14" name="FLD_Event">
            <a:extLst>
              <a:ext uri="{FF2B5EF4-FFF2-40B4-BE49-F238E27FC236}">
                <a16:creationId xmlns:a16="http://schemas.microsoft.com/office/drawing/2014/main" id="{A07F041F-669D-4EEA-12C8-48DBD35333ED}"/>
              </a:ext>
            </a:extLst>
          </p:cNvPr>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r>
              <a:rPr lang="da-DK" sz="700" b="0" cap="all" baseline="0">
                <a:solidFill>
                  <a:schemeClr val="bg1"/>
                </a:solidFill>
                <a:latin typeface="+mn-lt"/>
              </a:rPr>
              <a:t>TITEL</a:t>
            </a:r>
          </a:p>
        </p:txBody>
      </p:sp>
      <p:sp>
        <p:nvSpPr>
          <p:cNvPr id="15" name="USR_Name">
            <a:extLst>
              <a:ext uri="{FF2B5EF4-FFF2-40B4-BE49-F238E27FC236}">
                <a16:creationId xmlns:a16="http://schemas.microsoft.com/office/drawing/2014/main" id="{6910C27C-48FD-BBB4-F70B-7DF8A7FEAB24}"/>
              </a:ext>
            </a:extLst>
          </p:cNvPr>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NAVN</a:t>
            </a:r>
          </a:p>
        </p:txBody>
      </p:sp>
      <p:pic>
        <p:nvPicPr>
          <p:cNvPr id="16" name="Au logo">
            <a:extLst>
              <a:ext uri="{FF2B5EF4-FFF2-40B4-BE49-F238E27FC236}">
                <a16:creationId xmlns:a16="http://schemas.microsoft.com/office/drawing/2014/main" id="{21D938F2-1BB3-940B-2092-AA736456BB8A}"/>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17" name="Billede 16">
            <a:extLst>
              <a:ext uri="{FF2B5EF4-FFF2-40B4-BE49-F238E27FC236}">
                <a16:creationId xmlns:a16="http://schemas.microsoft.com/office/drawing/2014/main" id="{29FE7F52-51AA-FD02-3980-B49F21F2E31D}"/>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pic>
        <p:nvPicPr>
          <p:cNvPr id="18" name="SecondaryLogo">
            <a:extLst>
              <a:ext uri="{FF2B5EF4-FFF2-40B4-BE49-F238E27FC236}">
                <a16:creationId xmlns:a16="http://schemas.microsoft.com/office/drawing/2014/main" id="{17DF4D01-735F-599A-185E-8BAA75691A6E}"/>
              </a:ext>
            </a:extLst>
          </p:cNvPr>
          <p:cNvPicPr>
            <a:picLocks noChangeAspect="1"/>
          </p:cNvPicPr>
          <p:nvPr userDrawn="1"/>
        </p:nvPicPr>
        <p:blipFill>
          <a:blip r:embed="rId4"/>
          <a:stretch>
            <a:fillRect/>
          </a:stretch>
        </p:blipFill>
        <p:spPr>
          <a:xfrm>
            <a:off x="10206000" y="5997600"/>
            <a:ext cx="1658237" cy="558000"/>
          </a:xfrm>
          <a:prstGeom prst="rect">
            <a:avLst/>
          </a:prstGeom>
        </p:spPr>
      </p:pic>
      <p:sp>
        <p:nvSpPr>
          <p:cNvPr id="19" name="Slide Number Placeholder 3">
            <a:extLst>
              <a:ext uri="{FF2B5EF4-FFF2-40B4-BE49-F238E27FC236}">
                <a16:creationId xmlns:a16="http://schemas.microsoft.com/office/drawing/2014/main" id="{6BF279D5-8765-A372-AC1A-A142BC408C3F}"/>
              </a:ext>
            </a:extLst>
          </p:cNvPr>
          <p:cNvSpPr txBox="1">
            <a:spLocks/>
          </p:cNvSpPr>
          <p:nvPr userDrawn="1"/>
        </p:nvSpPr>
        <p:spPr bwMode="auto">
          <a:xfrm>
            <a:off x="11807992" y="6581497"/>
            <a:ext cx="252000" cy="153888"/>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defPPr>
              <a:defRPr lang="en-US"/>
            </a:defPPr>
            <a:lvl1pPr algn="r" rtl="0" fontAlgn="base">
              <a:lnSpc>
                <a:spcPts val="1200"/>
              </a:lnSpc>
              <a:spcBef>
                <a:spcPct val="0"/>
              </a:spcBef>
              <a:spcAft>
                <a:spcPct val="0"/>
              </a:spcAft>
              <a:buFontTx/>
              <a:buNone/>
              <a:defRPr sz="700" kern="1200" spc="40" baseline="0">
                <a:solidFill>
                  <a:schemeClr val="bg1"/>
                </a:solidFill>
                <a:latin typeface="+mn-lt"/>
                <a:ea typeface="+mn-ea"/>
                <a:cs typeface="+mn-cs"/>
              </a:defRPr>
            </a:lvl1pPr>
            <a:lvl2pPr marL="60949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2pPr>
            <a:lvl3pPr marL="1218987"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3pPr>
            <a:lvl4pPr marL="1828480"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4pPr>
            <a:lvl5pPr marL="243797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5pPr>
            <a:lvl6pPr marL="3047467" algn="l" defTabSz="1218987" rtl="0" eaLnBrk="1" latinLnBrk="0" hangingPunct="1">
              <a:defRPr sz="4799" kern="1200">
                <a:solidFill>
                  <a:schemeClr val="tx1"/>
                </a:solidFill>
                <a:latin typeface="AU Passata" pitchFamily="34" charset="0"/>
                <a:ea typeface="+mn-ea"/>
                <a:cs typeface="+mn-cs"/>
              </a:defRPr>
            </a:lvl6pPr>
            <a:lvl7pPr marL="3656960" algn="l" defTabSz="1218987" rtl="0" eaLnBrk="1" latinLnBrk="0" hangingPunct="1">
              <a:defRPr sz="4799" kern="1200">
                <a:solidFill>
                  <a:schemeClr val="tx1"/>
                </a:solidFill>
                <a:latin typeface="AU Passata" pitchFamily="34" charset="0"/>
                <a:ea typeface="+mn-ea"/>
                <a:cs typeface="+mn-cs"/>
              </a:defRPr>
            </a:lvl7pPr>
            <a:lvl8pPr marL="4266453" algn="l" defTabSz="1218987" rtl="0" eaLnBrk="1" latinLnBrk="0" hangingPunct="1">
              <a:defRPr sz="4799" kern="1200">
                <a:solidFill>
                  <a:schemeClr val="tx1"/>
                </a:solidFill>
                <a:latin typeface="AU Passata" pitchFamily="34" charset="0"/>
                <a:ea typeface="+mn-ea"/>
                <a:cs typeface="+mn-cs"/>
              </a:defRPr>
            </a:lvl8pPr>
            <a:lvl9pPr marL="4875947" algn="l" defTabSz="1218987" rtl="0" eaLnBrk="1" latinLnBrk="0" hangingPunct="1">
              <a:defRPr sz="4799" kern="1200">
                <a:solidFill>
                  <a:schemeClr val="tx1"/>
                </a:solidFill>
                <a:latin typeface="AU Passata" pitchFamily="34" charset="0"/>
                <a:ea typeface="+mn-ea"/>
                <a:cs typeface="+mn-cs"/>
              </a:defRPr>
            </a:lvl9pPr>
          </a:lstStyle>
          <a:p>
            <a:pPr>
              <a:defRPr/>
            </a:pPr>
            <a:fld id="{E90C1E0A-682D-40DC-B1EA-26C007FDC330}" type="slidenum">
              <a:rPr lang="da-DK" smtClean="0"/>
              <a:pPr>
                <a:defRPr/>
              </a:pPr>
              <a:t>‹#›</a:t>
            </a:fld>
            <a:endParaRPr lang="da-DK"/>
          </a:p>
        </p:txBody>
      </p:sp>
      <p:sp>
        <p:nvSpPr>
          <p:cNvPr id="21" name="Pladsholder til tekst 20">
            <a:extLst>
              <a:ext uri="{FF2B5EF4-FFF2-40B4-BE49-F238E27FC236}">
                <a16:creationId xmlns:a16="http://schemas.microsoft.com/office/drawing/2014/main" id="{C44E4B1B-DF45-7F4B-6847-A79BE485DA08}"/>
              </a:ext>
            </a:extLst>
          </p:cNvPr>
          <p:cNvSpPr>
            <a:spLocks noGrp="1"/>
          </p:cNvSpPr>
          <p:nvPr>
            <p:ph type="body" sz="quarter" idx="14" hasCustomPrompt="1"/>
          </p:nvPr>
        </p:nvSpPr>
        <p:spPr>
          <a:xfrm>
            <a:off x="985838" y="1874614"/>
            <a:ext cx="10221324" cy="402258"/>
          </a:xfrm>
        </p:spPr>
        <p:txBody>
          <a:bodyPr/>
          <a:lstStyle>
            <a:lvl1pPr>
              <a:defRPr sz="2000">
                <a:solidFill>
                  <a:schemeClr val="bg1"/>
                </a:solidFill>
                <a:latin typeface="AU Passata Light" panose="020B0303030902030804" pitchFamily="34" charset="77"/>
              </a:defRPr>
            </a:lvl1pPr>
            <a:lvl2pPr marL="252000" indent="0">
              <a:buNone/>
              <a:defRPr>
                <a:latin typeface="AU Passata Light" panose="020B0303030902030804" pitchFamily="34" charset="77"/>
              </a:defRPr>
            </a:lvl2pPr>
            <a:lvl3pPr>
              <a:defRPr>
                <a:latin typeface="AU Passata Light" panose="020B0303030902030804" pitchFamily="34" charset="77"/>
              </a:defRPr>
            </a:lvl3pPr>
            <a:lvl4pPr>
              <a:defRPr>
                <a:latin typeface="AU Passata Light" panose="020B0303030902030804" pitchFamily="34" charset="77"/>
              </a:defRPr>
            </a:lvl4pPr>
            <a:lvl5pPr>
              <a:defRPr>
                <a:latin typeface="AU Passata Light" panose="020B0303030902030804" pitchFamily="34" charset="77"/>
              </a:defRPr>
            </a:lvl5pPr>
          </a:lstStyle>
          <a:p>
            <a:pPr lvl="0"/>
            <a:r>
              <a:rPr lang="da-DK"/>
              <a:t>KLIK FOR AT REDIGERE TEKSTTYPOGRAFIERNE I MASTEREN</a:t>
            </a:r>
          </a:p>
        </p:txBody>
      </p:sp>
    </p:spTree>
    <p:extLst>
      <p:ext uri="{BB962C8B-B14F-4D97-AF65-F5344CB8AC3E}">
        <p14:creationId xmlns:p14="http://schemas.microsoft.com/office/powerpoint/2010/main" val="2728603180"/>
      </p:ext>
    </p:extLst>
  </p:cSld>
  <p:clrMapOvr>
    <a:masterClrMapping/>
  </p:clrMapOvr>
  <p:transition spd="slow">
    <p:fade/>
  </p:transition>
</p:sldLayout>
</file>

<file path=ppt/slideLayouts/slideLayout144.xml><?xml version="1.0" encoding="utf-8"?>
<p:sldLayout xmlns:a="http://schemas.openxmlformats.org/drawingml/2006/main" xmlns:r="http://schemas.openxmlformats.org/officeDocument/2006/relationships" xmlns:p="http://schemas.openxmlformats.org/presentationml/2006/main" showMasterSp="0" preserve="1" userDrawn="1">
  <p:cSld name="End slide Aarhus Universitet">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5" name="LAN_AUWBreak"/>
          <p:cNvSpPr/>
          <p:nvPr userDrawn="1"/>
        </p:nvSpPr>
        <p:spPr bwMode="auto">
          <a:xfrm>
            <a:off x="6022613" y="2804400"/>
            <a:ext cx="65" cy="757567"/>
          </a:xfrm>
          <a:prstGeom prst="rect">
            <a:avLst/>
          </a:prstGeom>
          <a:noFill/>
          <a:ln w="1778" cap="flat" cmpd="sng" algn="ctr">
            <a:noFill/>
            <a:prstDash val="solid"/>
            <a:round/>
            <a:headEnd type="none" w="med" len="med"/>
            <a:tailEnd type="none" w="med" len="med"/>
          </a:ln>
          <a:effectLst/>
        </p:spPr>
        <p:txBody>
          <a:bodyPr vert="horz" wrap="none" lIns="0" tIns="183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4000" b="0" i="0" u="none" strike="noStrike" cap="all" normalizeH="0" baseline="0" noProof="1">
                <a:ln>
                  <a:noFill/>
                </a:ln>
                <a:solidFill>
                  <a:schemeClr val="bg1"/>
                </a:solidFill>
                <a:effectLst/>
                <a:latin typeface="AU Passata" pitchFamily="34" charset="0"/>
              </a:rPr>
              <a:t>Aarhus 
Universitet</a:t>
            </a:r>
          </a:p>
        </p:txBody>
      </p:sp>
      <p:pic>
        <p:nvPicPr>
          <p:cNvPr id="6" name="Logo white"/>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318268" y="2864711"/>
            <a:ext cx="2228400" cy="1116990"/>
          </a:xfrm>
          <a:prstGeom prst="rect">
            <a:avLst/>
          </a:prstGeom>
        </p:spPr>
      </p:pic>
      <p:sp>
        <p:nvSpPr>
          <p:cNvPr id="7" name="Date Placeholder 4" hidden="1"/>
          <p:cNvSpPr>
            <a:spLocks noGrp="1"/>
          </p:cNvSpPr>
          <p:nvPr>
            <p:ph type="dt" sz="half" idx="10"/>
          </p:nvPr>
        </p:nvSpPr>
        <p:spPr>
          <a:xfrm>
            <a:off x="0" y="7020000"/>
            <a:ext cx="0" cy="0"/>
          </a:xfrm>
        </p:spPr>
        <p:txBody>
          <a:bodyPr/>
          <a:lstStyle/>
          <a:p>
            <a:fld id="{9FBE4D93-8D8E-43D4-A8AD-84641DB417B9}" type="datetime1">
              <a:rPr lang="da-DK" smtClean="0"/>
              <a:t>09-04-2026</a:t>
            </a:fld>
            <a:r>
              <a:rPr lang="da-DK"/>
              <a:t>18-08-2024</a:t>
            </a:r>
          </a:p>
        </p:txBody>
      </p:sp>
      <p:sp>
        <p:nvSpPr>
          <p:cNvPr id="9"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10"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541826062"/>
      </p:ext>
    </p:extLst>
  </p:cSld>
  <p:clrMapOvr>
    <a:masterClrMapping/>
  </p:clrMapOvr>
  <p:transition spd="slow">
    <p:fade/>
  </p:transition>
</p:sldLayout>
</file>

<file path=ppt/slideLayouts/slideLayout145.xml><?xml version="1.0" encoding="utf-8"?>
<p:sldLayout xmlns:a="http://schemas.openxmlformats.org/drawingml/2006/main" xmlns:r="http://schemas.openxmlformats.org/officeDocument/2006/relationships" xmlns:p="http://schemas.openxmlformats.org/presentationml/2006/main" showMasterSp="0" preserve="1" userDrawn="1">
  <p:cSld name="End slide seal">
    <p:bg>
      <p:bgPr>
        <a:solidFill>
          <a:srgbClr val="004542"/>
        </a:solidFill>
        <a:effectLst/>
      </p:bgPr>
    </p:bg>
    <p:spTree>
      <p:nvGrpSpPr>
        <p:cNvPr id="1" name=""/>
        <p:cNvGrpSpPr/>
        <p:nvPr/>
      </p:nvGrpSpPr>
      <p:grpSpPr>
        <a:xfrm>
          <a:off x="0" y="0"/>
          <a:ext cx="0" cy="0"/>
          <a:chOff x="0" y="0"/>
          <a:chExt cx="0" cy="0"/>
        </a:xfrm>
      </p:grpSpPr>
      <p:pic>
        <p:nvPicPr>
          <p:cNvPr id="6"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828776" y="2163364"/>
            <a:ext cx="2531272" cy="2531272"/>
          </a:xfrm>
          <a:prstGeom prst="rect">
            <a:avLst/>
          </a:prstGeom>
        </p:spPr>
      </p:pic>
      <p:sp>
        <p:nvSpPr>
          <p:cNvPr id="5" name="Date Placeholder 4" hidden="1"/>
          <p:cNvSpPr>
            <a:spLocks noGrp="1"/>
          </p:cNvSpPr>
          <p:nvPr>
            <p:ph type="dt" sz="half" idx="10"/>
          </p:nvPr>
        </p:nvSpPr>
        <p:spPr/>
        <p:txBody>
          <a:bodyPr/>
          <a:lstStyle/>
          <a:p>
            <a:fld id="{69744919-AFDB-49EF-BAF2-FA688307FCC7}" type="datetime1">
              <a:rPr lang="da-DK" smtClean="0"/>
              <a:t>09-04-2026</a:t>
            </a:fld>
            <a:r>
              <a:rPr lang="da-DK"/>
              <a:t>18-08-2024</a:t>
            </a:r>
          </a:p>
        </p:txBody>
      </p:sp>
      <p:sp>
        <p:nvSpPr>
          <p:cNvPr id="7"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9"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794101246"/>
      </p:ext>
    </p:extLst>
  </p:cSld>
  <p:clrMapOvr>
    <a:masterClrMapping/>
  </p:clrMapOvr>
  <p:transition spd="slow">
    <p:fade/>
  </p:transition>
</p:sldLayout>
</file>

<file path=ppt/slideLayouts/slideLayout146.xml><?xml version="1.0" encoding="utf-8"?>
<p:sldLayout xmlns:a="http://schemas.openxmlformats.org/drawingml/2006/main" xmlns:r="http://schemas.openxmlformats.org/officeDocument/2006/relationships" xmlns:p="http://schemas.openxmlformats.org/presentationml/2006/main" showMasterSp="0" preserve="1" userDrawn="1">
  <p:cSld name="End slide">
    <p:bg>
      <p:bgPr>
        <a:solidFill>
          <a:schemeClr val="bg1"/>
        </a:solidFill>
        <a:effectLst/>
      </p:bgPr>
    </p:bg>
    <p:spTree>
      <p:nvGrpSpPr>
        <p:cNvPr id="1" name=""/>
        <p:cNvGrpSpPr/>
        <p:nvPr/>
      </p:nvGrpSpPr>
      <p:grpSpPr>
        <a:xfrm>
          <a:off x="0" y="0"/>
          <a:ext cx="0" cy="0"/>
          <a:chOff x="0" y="0"/>
          <a:chExt cx="0" cy="0"/>
        </a:xfrm>
      </p:grpSpPr>
      <p:sp>
        <p:nvSpPr>
          <p:cNvPr id="16"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34" name="Pladsholder til tekst 2"/>
          <p:cNvSpPr txBox="1">
            <a:spLocks/>
          </p:cNvSpPr>
          <p:nvPr userDrawn="1"/>
        </p:nvSpPr>
        <p:spPr>
          <a:xfrm>
            <a:off x="1090914" y="2098689"/>
            <a:ext cx="12745416"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a:solidFill>
                  <a:schemeClr val="accent6"/>
                </a:solidFill>
                <a:latin typeface="AU Peto" panose="040C0B07020602020301" pitchFamily="82" charset="0"/>
              </a:rPr>
              <a:t>Aarhus</a:t>
            </a:r>
            <a:endParaRPr lang="da-DK"/>
          </a:p>
        </p:txBody>
      </p:sp>
      <p:sp>
        <p:nvSpPr>
          <p:cNvPr id="6" name="Pladsholder til tekst 2"/>
          <p:cNvSpPr txBox="1">
            <a:spLocks/>
          </p:cNvSpPr>
          <p:nvPr userDrawn="1"/>
        </p:nvSpPr>
        <p:spPr>
          <a:xfrm>
            <a:off x="7439540" y="2093600"/>
            <a:ext cx="4356484"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err="1">
                <a:solidFill>
                  <a:schemeClr val="bg1"/>
                </a:solidFill>
                <a:latin typeface="AU Peto" panose="040C0B07020602020301" pitchFamily="82" charset="0"/>
              </a:rPr>
              <a:t>uni</a:t>
            </a:r>
            <a:endParaRPr lang="da-DK" sz="10000" kern="0">
              <a:solidFill>
                <a:schemeClr val="bg1"/>
              </a:solidFill>
              <a:latin typeface="AU Peto" panose="040C0B07020602020301" pitchFamily="82" charset="0"/>
            </a:endParaRPr>
          </a:p>
        </p:txBody>
      </p:sp>
      <p:sp>
        <p:nvSpPr>
          <p:cNvPr id="7" name="Pladsholder til tekst 2"/>
          <p:cNvSpPr txBox="1">
            <a:spLocks/>
          </p:cNvSpPr>
          <p:nvPr userDrawn="1"/>
        </p:nvSpPr>
        <p:spPr>
          <a:xfrm>
            <a:off x="1881492" y="3428550"/>
            <a:ext cx="9289032"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gn="ctr">
              <a:lnSpc>
                <a:spcPct val="85000"/>
              </a:lnSpc>
            </a:pPr>
            <a:r>
              <a:rPr lang="da-DK" sz="10000" kern="0" err="1">
                <a:solidFill>
                  <a:schemeClr val="bg1"/>
                </a:solidFill>
                <a:latin typeface="AU Peto" panose="040C0B07020602020301" pitchFamily="82" charset="0"/>
              </a:rPr>
              <a:t>versiet</a:t>
            </a:r>
            <a:endParaRPr lang="da-DK" sz="10000">
              <a:solidFill>
                <a:schemeClr val="bg1"/>
              </a:solidFill>
              <a:latin typeface="AU Peto" panose="040C0B07020602020301" pitchFamily="82" charset="0"/>
            </a:endParaRPr>
          </a:p>
        </p:txBody>
      </p:sp>
      <p:sp>
        <p:nvSpPr>
          <p:cNvPr id="8" name="Date Placeholder 4" hidden="1"/>
          <p:cNvSpPr>
            <a:spLocks noGrp="1"/>
          </p:cNvSpPr>
          <p:nvPr>
            <p:ph type="dt" sz="half" idx="10"/>
          </p:nvPr>
        </p:nvSpPr>
        <p:spPr>
          <a:xfrm>
            <a:off x="0" y="7020000"/>
            <a:ext cx="0" cy="0"/>
          </a:xfrm>
        </p:spPr>
        <p:txBody>
          <a:bodyPr/>
          <a:lstStyle/>
          <a:p>
            <a:fld id="{B29BD7B0-374C-4078-A40A-0ACC67076FB8}" type="datetime1">
              <a:rPr lang="da-DK" smtClean="0"/>
              <a:t>09-04-2026</a:t>
            </a:fld>
            <a:r>
              <a:rPr lang="da-DK"/>
              <a:t>18-08-2024</a:t>
            </a:r>
          </a:p>
        </p:txBody>
      </p:sp>
      <p:sp>
        <p:nvSpPr>
          <p:cNvPr id="9"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10"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1966255889"/>
      </p:ext>
    </p:extLst>
  </p:cSld>
  <p:clrMapOvr>
    <a:masterClrMapping/>
  </p:clrMapOvr>
  <p:transition spd="slow">
    <p:fade/>
  </p:transition>
</p:sldLayout>
</file>

<file path=ppt/slideLayouts/slideLayout147.xml><?xml version="1.0" encoding="utf-8"?>
<p:sldLayout xmlns:a="http://schemas.openxmlformats.org/drawingml/2006/main" xmlns:r="http://schemas.openxmlformats.org/officeDocument/2006/relationships" xmlns:p="http://schemas.openxmlformats.org/presentationml/2006/main" showMasterSp="0" preserve="1" userDrawn="1">
  <p:cSld name="Title light">
    <p:bg>
      <p:bgPr>
        <a:solidFill>
          <a:srgbClr val="CEDAD8"/>
        </a:solidFill>
        <a:effectLst/>
      </p:bgPr>
    </p:bg>
    <p:spTree>
      <p:nvGrpSpPr>
        <p:cNvPr id="1" name=""/>
        <p:cNvGrpSpPr/>
        <p:nvPr/>
      </p:nvGrpSpPr>
      <p:grpSpPr>
        <a:xfrm>
          <a:off x="0" y="0"/>
          <a:ext cx="0" cy="0"/>
          <a:chOff x="0" y="0"/>
          <a:chExt cx="0" cy="0"/>
        </a:xfrm>
      </p:grpSpPr>
      <p:sp>
        <p:nvSpPr>
          <p:cNvPr id="34819" name="Title 1"/>
          <p:cNvSpPr>
            <a:spLocks noGrp="1" noChangeArrowheads="1"/>
          </p:cNvSpPr>
          <p:nvPr>
            <p:ph type="ctrTitle" hasCustomPrompt="1"/>
          </p:nvPr>
        </p:nvSpPr>
        <p:spPr>
          <a:xfrm>
            <a:off x="985839" y="1911025"/>
            <a:ext cx="10220325" cy="1661993"/>
          </a:xfrm>
        </p:spPr>
        <p:txBody>
          <a:bodyPr wrap="square" anchor="ctr" anchorCtr="0">
            <a:spAutoFit/>
          </a:bodyPr>
          <a:lstStyle>
            <a:lvl1pPr>
              <a:lnSpc>
                <a:spcPct val="90000"/>
              </a:lnSpc>
              <a:defRPr sz="5998" b="0" baseline="0">
                <a:solidFill>
                  <a:schemeClr val="bg1"/>
                </a:solidFill>
                <a:latin typeface="AU Passata Light" panose="020B0303030902030804" pitchFamily="34" charset="0"/>
              </a:defRPr>
            </a:lvl1pPr>
          </a:lstStyle>
          <a:p>
            <a:pPr lvl="0"/>
            <a:r>
              <a:rPr lang="da-DK"/>
              <a:t>Klik for at </a:t>
            </a:r>
            <a:br>
              <a:rPr lang="da-DK"/>
            </a:br>
            <a:r>
              <a:rPr lang="da-DK"/>
              <a:t>indsætte titel</a:t>
            </a:r>
          </a:p>
        </p:txBody>
      </p:sp>
      <p:sp>
        <p:nvSpPr>
          <p:cNvPr id="15" name="TextBox 14"/>
          <p:cNvSpPr txBox="1"/>
          <p:nvPr userDrawn="1"/>
        </p:nvSpPr>
        <p:spPr>
          <a:xfrm>
            <a:off x="-1973598" y="3082508"/>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sz="1799"/>
          </a:p>
          <a:p>
            <a:pPr algn="r">
              <a:lnSpc>
                <a:spcPct val="100000"/>
              </a:lnSpc>
            </a:pPr>
            <a:r>
              <a:rPr lang="da-DK" sz="1000" noProof="1">
                <a:solidFill>
                  <a:schemeClr val="tx1">
                    <a:lumMod val="75000"/>
                    <a:lumOff val="25000"/>
                  </a:schemeClr>
                </a:solidFill>
              </a:rPr>
              <a:t>AU Passata Bold</a:t>
            </a:r>
            <a:endParaRPr lang="da-DK" sz="4798"/>
          </a:p>
        </p:txBody>
      </p:sp>
      <p:sp>
        <p:nvSpPr>
          <p:cNvPr id="39" name="OFF_logo1Computed"/>
          <p:cNvSpPr/>
          <p:nvPr userDrawn="1"/>
        </p:nvSpPr>
        <p:spPr bwMode="auto">
          <a:xfrm flipH="1">
            <a:off x="972065" y="5997600"/>
            <a:ext cx="1780661" cy="589622"/>
          </a:xfrm>
          <a:prstGeom prst="rect">
            <a:avLst/>
          </a:prstGeom>
          <a:noFill/>
          <a:ln w="1778" cap="flat" cmpd="sng" algn="ctr">
            <a:noFill/>
            <a:prstDash val="solid"/>
            <a:round/>
            <a:headEnd type="none" w="med" len="med"/>
            <a:tailEnd type="none" w="med" len="med"/>
          </a:ln>
          <a:effectLst/>
        </p:spPr>
        <p:txBody>
          <a:bodyPr vert="horz" wrap="squar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6"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116893132" name="SecondaryLogo"/>
          <p:cNvPicPr>
            <a:picLocks noChangeAspect="1"/>
          </p:cNvPicPr>
          <p:nvPr userDrawn="1"/>
        </p:nvPicPr>
        <p:blipFill>
          <a:blip r:embed="rId3"/>
          <a:stretch>
            <a:fillRect/>
          </a:stretch>
        </p:blipFill>
        <p:spPr>
          <a:xfrm>
            <a:off x="10206001" y="5997600"/>
            <a:ext cx="1658237" cy="558000"/>
          </a:xfrm>
          <a:prstGeom prst="rect">
            <a:avLst/>
          </a:prstGeom>
        </p:spPr>
      </p:pic>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CBDA7FD6-8E4A-400C-8ADC-9DC3D9881352}"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887005238"/>
      </p:ext>
    </p:extLst>
  </p:cSld>
  <p:clrMapOvr>
    <a:masterClrMapping/>
  </p:clrMapOvr>
  <p:transition spd="slow">
    <p:fade/>
  </p:transition>
</p:sldLayout>
</file>

<file path=ppt/slideLayouts/slideLayout148.xml><?xml version="1.0" encoding="utf-8"?>
<p:sldLayout xmlns:a="http://schemas.openxmlformats.org/drawingml/2006/main" xmlns:r="http://schemas.openxmlformats.org/officeDocument/2006/relationships" xmlns:p="http://schemas.openxmlformats.org/presentationml/2006/main" showMasterSp="0" preserve="1" userDrawn="1">
  <p:cSld name="Title bold">
    <p:spTree>
      <p:nvGrpSpPr>
        <p:cNvPr id="1" name=""/>
        <p:cNvGrpSpPr/>
        <p:nvPr/>
      </p:nvGrpSpPr>
      <p:grpSpPr>
        <a:xfrm>
          <a:off x="0" y="0"/>
          <a:ext cx="0" cy="0"/>
          <a:chOff x="0" y="0"/>
          <a:chExt cx="0" cy="0"/>
        </a:xfrm>
      </p:grpSpPr>
      <p:sp>
        <p:nvSpPr>
          <p:cNvPr id="22"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34819" name="Title 1"/>
          <p:cNvSpPr>
            <a:spLocks noGrp="1" noChangeArrowheads="1"/>
          </p:cNvSpPr>
          <p:nvPr>
            <p:ph type="ctrTitle" hasCustomPrompt="1"/>
          </p:nvPr>
        </p:nvSpPr>
        <p:spPr>
          <a:xfrm>
            <a:off x="985839" y="1911025"/>
            <a:ext cx="10220325" cy="1661993"/>
          </a:xfrm>
        </p:spPr>
        <p:txBody>
          <a:bodyPr wrap="square" anchor="ctr" anchorCtr="0">
            <a:spAutoFit/>
          </a:bodyPr>
          <a:lstStyle>
            <a:lvl1pPr>
              <a:lnSpc>
                <a:spcPct val="90000"/>
              </a:lnSpc>
              <a:defRPr sz="5998" baseline="0">
                <a:solidFill>
                  <a:schemeClr val="bg1"/>
                </a:solidFill>
                <a:latin typeface="+mn-lt"/>
              </a:defRPr>
            </a:lvl1pPr>
          </a:lstStyle>
          <a:p>
            <a:pPr lvl="0"/>
            <a:r>
              <a:rPr lang="da-DK"/>
              <a:t>Klik for at </a:t>
            </a:r>
            <a:br>
              <a:rPr lang="da-DK"/>
            </a:br>
            <a:r>
              <a:rPr lang="da-DK"/>
              <a:t>indsætte titel</a:t>
            </a:r>
          </a:p>
        </p:txBody>
      </p:sp>
      <p:sp>
        <p:nvSpPr>
          <p:cNvPr id="14" name="TextBox 13"/>
          <p:cNvSpPr txBox="1"/>
          <p:nvPr userDrawn="1"/>
        </p:nvSpPr>
        <p:spPr>
          <a:xfrm>
            <a:off x="-1973598" y="3082508"/>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sz="1799"/>
          </a:p>
          <a:p>
            <a:pPr algn="r">
              <a:lnSpc>
                <a:spcPct val="100000"/>
              </a:lnSpc>
            </a:pPr>
            <a:r>
              <a:rPr lang="da-DK" sz="1000" noProof="1">
                <a:solidFill>
                  <a:schemeClr val="tx1">
                    <a:lumMod val="75000"/>
                    <a:lumOff val="25000"/>
                  </a:schemeClr>
                </a:solidFill>
              </a:rPr>
              <a:t>AU Passata Light</a:t>
            </a:r>
            <a:endParaRPr lang="da-DK" sz="4798"/>
          </a:p>
        </p:txBody>
      </p:sp>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a:noFill/>
        </p:spPr>
      </p:pic>
      <p:pic>
        <p:nvPicPr>
          <p:cNvPr id="614507352" name="SecondaryLogo"/>
          <p:cNvPicPr>
            <a:picLocks noChangeAspect="1"/>
          </p:cNvPicPr>
          <p:nvPr/>
        </p:nvPicPr>
        <p:blipFill>
          <a:blip r:embed="rId3"/>
          <a:stretch>
            <a:fillRect/>
          </a:stretch>
        </p:blipFill>
        <p:spPr>
          <a:xfrm>
            <a:off x="10206001" y="5997600"/>
            <a:ext cx="1658237" cy="558000"/>
          </a:xfrm>
          <a:prstGeom prst="rect">
            <a:avLst/>
          </a:prstGeom>
        </p:spPr>
      </p:pic>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6EA9B934-2186-4AEB-B369-BAFA3AF91009}"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790871382"/>
      </p:ext>
    </p:extLst>
  </p:cSld>
  <p:clrMapOvr>
    <a:masterClrMapping/>
  </p:clrMapOvr>
  <p:transition spd="slow">
    <p:fade/>
  </p:transition>
</p:sldLayout>
</file>

<file path=ppt/slideLayouts/slideLayout149.xml><?xml version="1.0" encoding="utf-8"?>
<p:sldLayout xmlns:a="http://schemas.openxmlformats.org/drawingml/2006/main" xmlns:r="http://schemas.openxmlformats.org/officeDocument/2006/relationships" xmlns:p="http://schemas.openxmlformats.org/presentationml/2006/main" showMasterSp="0" preserve="1" userDrawn="1">
  <p:cSld name="Title with subtitle">
    <p:spTree>
      <p:nvGrpSpPr>
        <p:cNvPr id="1" name=""/>
        <p:cNvGrpSpPr/>
        <p:nvPr/>
      </p:nvGrpSpPr>
      <p:grpSpPr>
        <a:xfrm>
          <a:off x="0" y="0"/>
          <a:ext cx="0" cy="0"/>
          <a:chOff x="0" y="0"/>
          <a:chExt cx="0" cy="0"/>
        </a:xfrm>
      </p:grpSpPr>
      <p:sp>
        <p:nvSpPr>
          <p:cNvPr id="21"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34819" name="Title 1"/>
          <p:cNvSpPr>
            <a:spLocks noGrp="1" noChangeArrowheads="1"/>
          </p:cNvSpPr>
          <p:nvPr>
            <p:ph type="ctrTitle" hasCustomPrompt="1"/>
          </p:nvPr>
        </p:nvSpPr>
        <p:spPr>
          <a:xfrm>
            <a:off x="981845" y="1772818"/>
            <a:ext cx="9543307" cy="1779553"/>
          </a:xfrm>
        </p:spPr>
        <p:txBody>
          <a:bodyPr wrap="square" anchor="b" anchorCtr="0">
            <a:noAutofit/>
          </a:bodyPr>
          <a:lstStyle>
            <a:lvl1pPr>
              <a:lnSpc>
                <a:spcPct val="90000"/>
              </a:lnSpc>
              <a:defRPr sz="5998" baseline="0">
                <a:solidFill>
                  <a:schemeClr val="bg1"/>
                </a:solidFill>
                <a:latin typeface="+mn-lt"/>
              </a:defRPr>
            </a:lvl1pPr>
          </a:lstStyle>
          <a:p>
            <a:pPr lvl="0"/>
            <a:r>
              <a:rPr lang="da-DK"/>
              <a:t>Klik for at </a:t>
            </a:r>
            <a:br>
              <a:rPr lang="da-DK"/>
            </a:br>
            <a:r>
              <a:rPr lang="da-DK"/>
              <a:t>indsætte titel</a:t>
            </a:r>
          </a:p>
        </p:txBody>
      </p:sp>
      <p:sp>
        <p:nvSpPr>
          <p:cNvPr id="4" name="Text Placeholder 3"/>
          <p:cNvSpPr>
            <a:spLocks noGrp="1"/>
          </p:cNvSpPr>
          <p:nvPr>
            <p:ph type="body" sz="quarter" idx="11" hasCustomPrompt="1"/>
          </p:nvPr>
        </p:nvSpPr>
        <p:spPr>
          <a:xfrm>
            <a:off x="985837" y="3572641"/>
            <a:ext cx="9539313" cy="1746085"/>
          </a:xfrm>
        </p:spPr>
        <p:txBody>
          <a:bodyPr/>
          <a:lstStyle>
            <a:lvl1pPr marL="0" indent="0">
              <a:lnSpc>
                <a:spcPct val="90000"/>
              </a:lnSpc>
              <a:buFontTx/>
              <a:buNone/>
              <a:defRPr sz="3999" b="0">
                <a:solidFill>
                  <a:schemeClr val="bg1"/>
                </a:solidFill>
                <a:latin typeface="AU Passata Light" panose="020B0303030902030804" pitchFamily="34" charset="77"/>
              </a:defRPr>
            </a:lvl1pPr>
            <a:lvl2pPr marL="251924" indent="0">
              <a:buNone/>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indsætte tekst</a:t>
            </a:r>
          </a:p>
        </p:txBody>
      </p:sp>
      <p:sp>
        <p:nvSpPr>
          <p:cNvPr id="38"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43"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183336059" name="SecondaryLogo"/>
          <p:cNvPicPr>
            <a:picLocks noChangeAspect="1"/>
          </p:cNvPicPr>
          <p:nvPr/>
        </p:nvPicPr>
        <p:blipFill>
          <a:blip r:embed="rId3"/>
          <a:stretch>
            <a:fillRect/>
          </a:stretch>
        </p:blipFill>
        <p:spPr>
          <a:xfrm>
            <a:off x="10206001" y="5997600"/>
            <a:ext cx="1658237" cy="558000"/>
          </a:xfrm>
          <a:prstGeom prst="rect">
            <a:avLst/>
          </a:prstGeom>
        </p:spPr>
      </p:pic>
      <p:sp>
        <p:nvSpPr>
          <p:cNvPr id="5" name="Slide Number Placeholder 4"/>
          <p:cNvSpPr>
            <a:spLocks noGrp="1"/>
          </p:cNvSpPr>
          <p:nvPr>
            <p:ph type="sldNum" sz="quarter" idx="14"/>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2"/>
          </p:nvPr>
        </p:nvSpPr>
        <p:spPr/>
        <p:txBody>
          <a:bodyPr/>
          <a:lstStyle/>
          <a:p>
            <a:fld id="{ACA03E94-D5E5-44BD-9F06-70FE67C76AEB}" type="datetime1">
              <a:rPr lang="da-DK" smtClean="0"/>
              <a:t>09-04-2026</a:t>
            </a:fld>
            <a:r>
              <a:rPr lang="da-DK"/>
              <a:t>18-08-2024</a:t>
            </a:r>
          </a:p>
        </p:txBody>
      </p:sp>
      <p:sp>
        <p:nvSpPr>
          <p:cNvPr id="3" name="Footer Placeholder 2" hidden="1"/>
          <p:cNvSpPr>
            <a:spLocks noGrp="1"/>
          </p:cNvSpPr>
          <p:nvPr>
            <p:ph type="ftr" sz="quarter" idx="13"/>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649787488"/>
      </p:ext>
    </p:extLst>
  </p:cSld>
  <p:clrMapOvr>
    <a:masterClrMapping/>
  </p:clrMapOvr>
  <p:transition spd="slow">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Full slide content">
    <p:spTree>
      <p:nvGrpSpPr>
        <p:cNvPr id="1" name=""/>
        <p:cNvGrpSpPr/>
        <p:nvPr/>
      </p:nvGrpSpPr>
      <p:grpSpPr>
        <a:xfrm>
          <a:off x="0" y="0"/>
          <a:ext cx="0" cy="0"/>
          <a:chOff x="0" y="0"/>
          <a:chExt cx="0" cy="0"/>
        </a:xfrm>
      </p:grpSpPr>
      <p:sp>
        <p:nvSpPr>
          <p:cNvPr id="5" name="Content Placeholder 1"/>
          <p:cNvSpPr>
            <a:spLocks noGrp="1"/>
          </p:cNvSpPr>
          <p:nvPr>
            <p:ph sz="quarter" idx="12"/>
          </p:nvPr>
        </p:nvSpPr>
        <p:spPr>
          <a:xfrm>
            <a:off x="328613" y="328612"/>
            <a:ext cx="11550650" cy="6213475"/>
          </a:xfrm>
        </p:spPr>
        <p:txBody>
          <a:body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8" name="Slide Number Placeholder 7"/>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290D56C0-3A19-40CB-8EA2-90DEA2617FF4}" type="datetime1">
              <a:rPr lang="da-DK" smtClean="0"/>
              <a:t>09-04-2026</a:t>
            </a:fld>
            <a:endParaRPr lang="da-DK"/>
          </a:p>
        </p:txBody>
      </p:sp>
      <p:sp>
        <p:nvSpPr>
          <p:cNvPr id="7" name="Footer Placeholder 6"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78156290"/>
      </p:ext>
    </p:extLst>
  </p:cSld>
  <p:clrMapOvr>
    <a:masterClrMapping/>
  </p:clrMapOvr>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Title preheader and content">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985839" y="889172"/>
            <a:ext cx="10887075" cy="826973"/>
          </a:xfrm>
        </p:spPr>
        <p:txBody>
          <a:bodyPr anchor="t" anchorCtr="0"/>
          <a:lstStyle>
            <a:lvl1pPr>
              <a:defRPr>
                <a:solidFill>
                  <a:schemeClr val="tx1"/>
                </a:solidFill>
              </a:defRPr>
            </a:lvl1pPr>
          </a:lstStyle>
          <a:p>
            <a:r>
              <a:rPr lang="da-DK"/>
              <a:t>Klik for at indsætte titel</a:t>
            </a:r>
          </a:p>
        </p:txBody>
      </p:sp>
      <p:sp>
        <p:nvSpPr>
          <p:cNvPr id="3" name="Content Placeholder 2"/>
          <p:cNvSpPr>
            <a:spLocks noGrp="1"/>
          </p:cNvSpPr>
          <p:nvPr>
            <p:ph idx="1" hasCustomPrompt="1"/>
          </p:nvPr>
        </p:nvSpPr>
        <p:spPr>
          <a:xfrm>
            <a:off x="985839" y="1960079"/>
            <a:ext cx="10220325" cy="3937484"/>
          </a:xfrm>
        </p:spPr>
        <p:txBody>
          <a:bodyPr/>
          <a:lstStyle>
            <a:lvl1pPr marL="0" indent="0">
              <a:buFont typeface="Calibri" panose="020F0502020204030204" pitchFamily="34" charset="0"/>
              <a:buChar char="​"/>
              <a:defRPr sz="2999">
                <a:solidFill>
                  <a:schemeClr val="tx1"/>
                </a:solidFill>
              </a:defRPr>
            </a:lvl1pPr>
            <a:lvl2pPr>
              <a:defRPr sz="2999">
                <a:solidFill>
                  <a:schemeClr val="tx1"/>
                </a:solidFill>
              </a:defRPr>
            </a:lvl2pPr>
            <a:lvl3pPr>
              <a:defRPr sz="2999">
                <a:solidFill>
                  <a:schemeClr val="tx1"/>
                </a:solidFill>
              </a:defRPr>
            </a:lvl3pPr>
            <a:lvl4pPr>
              <a:defRPr sz="2999">
                <a:solidFill>
                  <a:schemeClr val="tx1"/>
                </a:solidFill>
              </a:defRPr>
            </a:lvl4pPr>
            <a:lvl5pPr>
              <a:defRPr sz="2999">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C79D9966-68A1-41FE-B9AC-6F3CCED36C9C}"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
        <p:nvSpPr>
          <p:cNvPr id="4" name="Content Placeholder 2">
            <a:extLst>
              <a:ext uri="{FF2B5EF4-FFF2-40B4-BE49-F238E27FC236}">
                <a16:creationId xmlns:a16="http://schemas.microsoft.com/office/drawing/2014/main" id="{F3CA422C-9990-5CC0-B923-D931FE9FC47E}"/>
              </a:ext>
            </a:extLst>
          </p:cNvPr>
          <p:cNvSpPr>
            <a:spLocks noGrp="1"/>
          </p:cNvSpPr>
          <p:nvPr>
            <p:ph idx="13" hasCustomPrompt="1"/>
          </p:nvPr>
        </p:nvSpPr>
        <p:spPr>
          <a:xfrm>
            <a:off x="985839" y="315915"/>
            <a:ext cx="10220325" cy="376783"/>
          </a:xfrm>
        </p:spPr>
        <p:txBody>
          <a:bodyPr/>
          <a:lstStyle>
            <a:lvl1pPr marL="0" indent="0">
              <a:buFont typeface="Calibri" panose="020F0502020204030204" pitchFamily="34" charset="0"/>
              <a:buChar char="​"/>
              <a:defRPr sz="1999">
                <a:solidFill>
                  <a:schemeClr val="tx1"/>
                </a:solidFill>
                <a:latin typeface="AU Passata Light" panose="020B0303030902030804" pitchFamily="34" charset="77"/>
              </a:defRPr>
            </a:lvl1pPr>
            <a:lvl2pPr>
              <a:defRPr sz="2999">
                <a:solidFill>
                  <a:srgbClr val="002546"/>
                </a:solidFill>
              </a:defRPr>
            </a:lvl2pPr>
            <a:lvl3pPr>
              <a:defRPr sz="2999">
                <a:solidFill>
                  <a:srgbClr val="002546"/>
                </a:solidFill>
              </a:defRPr>
            </a:lvl3pPr>
            <a:lvl4pPr>
              <a:defRPr sz="2999">
                <a:solidFill>
                  <a:srgbClr val="002546"/>
                </a:solidFill>
              </a:defRPr>
            </a:lvl4pPr>
            <a:lvl5pPr>
              <a:defRPr sz="2999">
                <a:solidFill>
                  <a:srgbClr val="002546"/>
                </a:solidFill>
              </a:defRPr>
            </a:lvl5pPr>
          </a:lstStyle>
          <a:p>
            <a:pPr lvl="0"/>
            <a:r>
              <a:rPr lang="da-DK"/>
              <a:t>KLIK FOR AT INDSÆTTE TEKST</a:t>
            </a:r>
          </a:p>
        </p:txBody>
      </p:sp>
    </p:spTree>
    <p:extLst>
      <p:ext uri="{BB962C8B-B14F-4D97-AF65-F5344CB8AC3E}">
        <p14:creationId xmlns:p14="http://schemas.microsoft.com/office/powerpoint/2010/main" val="3244946414"/>
      </p:ext>
    </p:extLst>
  </p:cSld>
  <p:clrMapOvr>
    <a:masterClrMapping/>
  </p:clrMapOvr>
  <p:transition spd="slow">
    <p:fade/>
  </p:transition>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Title two lines and content">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985839" y="315913"/>
            <a:ext cx="10887075" cy="1240878"/>
          </a:xfrm>
        </p:spPr>
        <p:txBody>
          <a:bodyPr anchor="t" anchorCtr="0"/>
          <a:lstStyle>
            <a:lvl1pPr>
              <a:defRPr>
                <a:solidFill>
                  <a:schemeClr val="tx1"/>
                </a:solidFill>
              </a:defRPr>
            </a:lvl1pPr>
          </a:lstStyle>
          <a:p>
            <a:r>
              <a:rPr lang="da-DK"/>
              <a:t>Klik for at indsætte titel</a:t>
            </a:r>
          </a:p>
        </p:txBody>
      </p:sp>
      <p:sp>
        <p:nvSpPr>
          <p:cNvPr id="3" name="Content Placeholder 2"/>
          <p:cNvSpPr>
            <a:spLocks noGrp="1"/>
          </p:cNvSpPr>
          <p:nvPr>
            <p:ph idx="1" hasCustomPrompt="1"/>
          </p:nvPr>
        </p:nvSpPr>
        <p:spPr>
          <a:xfrm>
            <a:off x="985839" y="1960079"/>
            <a:ext cx="10220325" cy="3937484"/>
          </a:xfrm>
        </p:spPr>
        <p:txBody>
          <a:bodyPr/>
          <a:lstStyle>
            <a:lvl1pPr marL="0" indent="0">
              <a:buFont typeface="Calibri" panose="020F0502020204030204" pitchFamily="34" charset="0"/>
              <a:buChar char="​"/>
              <a:defRPr sz="2999">
                <a:solidFill>
                  <a:schemeClr val="tx1"/>
                </a:solidFill>
              </a:defRPr>
            </a:lvl1pPr>
            <a:lvl2pPr>
              <a:defRPr sz="2999">
                <a:solidFill>
                  <a:schemeClr val="tx1"/>
                </a:solidFill>
              </a:defRPr>
            </a:lvl2pPr>
            <a:lvl3pPr>
              <a:defRPr sz="2999">
                <a:solidFill>
                  <a:schemeClr val="tx1"/>
                </a:solidFill>
              </a:defRPr>
            </a:lvl3pPr>
            <a:lvl4pPr>
              <a:defRPr sz="2999">
                <a:solidFill>
                  <a:schemeClr val="tx1"/>
                </a:solidFill>
              </a:defRPr>
            </a:lvl4pPr>
            <a:lvl5pPr>
              <a:defRPr sz="2999">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5" name="TextBox 4"/>
          <p:cNvSpPr txBox="1"/>
          <p:nvPr userDrawn="1"/>
        </p:nvSpPr>
        <p:spPr>
          <a:xfrm>
            <a:off x="-1973598" y="340163"/>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sz="1799"/>
          </a:p>
          <a:p>
            <a:pPr algn="r">
              <a:lnSpc>
                <a:spcPct val="100000"/>
              </a:lnSpc>
            </a:pPr>
            <a:r>
              <a:rPr lang="da-DK" sz="1000" baseline="0" noProof="1">
                <a:solidFill>
                  <a:schemeClr val="tx1">
                    <a:lumMod val="75000"/>
                    <a:lumOff val="25000"/>
                  </a:schemeClr>
                </a:solidFill>
              </a:rPr>
              <a:t>ændr evt. 2. linje til</a:t>
            </a:r>
            <a:endParaRPr lang="da-DK" sz="1799"/>
          </a:p>
          <a:p>
            <a:pPr algn="r">
              <a:lnSpc>
                <a:spcPct val="100000"/>
              </a:lnSpc>
            </a:pPr>
            <a:r>
              <a:rPr lang="da-DK" sz="1000" noProof="1">
                <a:solidFill>
                  <a:schemeClr val="tx1">
                    <a:lumMod val="75000"/>
                    <a:lumOff val="25000"/>
                  </a:schemeClr>
                </a:solidFill>
              </a:rPr>
              <a:t>AU Passata Light</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DBEAA3D2-3E37-4A46-A99D-4D49724C2BBC}"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483880308"/>
      </p:ext>
    </p:extLst>
  </p:cSld>
  <p:clrMapOvr>
    <a:masterClrMapping/>
  </p:clrMapOvr>
  <p:transition spd="slow">
    <p:fade/>
  </p:transition>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One line title and content">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985838" y="315915"/>
            <a:ext cx="10886075" cy="664815"/>
          </a:xfrm>
        </p:spPr>
        <p:txBody>
          <a:bodyPr anchor="t" anchorCtr="0"/>
          <a:lstStyle>
            <a:lvl1pPr>
              <a:defRPr>
                <a:solidFill>
                  <a:schemeClr val="tx1"/>
                </a:solidFill>
              </a:defRPr>
            </a:lvl1pPr>
          </a:lstStyle>
          <a:p>
            <a:pPr lvl="0"/>
            <a:r>
              <a:rPr lang="da-DK"/>
              <a:t>Klik for at indsætte titel</a:t>
            </a:r>
          </a:p>
        </p:txBody>
      </p:sp>
      <p:sp>
        <p:nvSpPr>
          <p:cNvPr id="3" name="Content Placeholder 2"/>
          <p:cNvSpPr>
            <a:spLocks noGrp="1"/>
          </p:cNvSpPr>
          <p:nvPr>
            <p:ph idx="1" hasCustomPrompt="1"/>
          </p:nvPr>
        </p:nvSpPr>
        <p:spPr>
          <a:xfrm>
            <a:off x="985839" y="1373189"/>
            <a:ext cx="10220325" cy="4521198"/>
          </a:xfrm>
        </p:spPr>
        <p:txBody>
          <a:bodyPr/>
          <a:lstStyle>
            <a:lvl1pPr marL="0" indent="0">
              <a:buFont typeface="Calibri" panose="020F0502020204030204" pitchFamily="34" charset="0"/>
              <a:buChar char="​"/>
              <a:defRPr sz="2999">
                <a:solidFill>
                  <a:schemeClr val="tx1"/>
                </a:solidFill>
              </a:defRPr>
            </a:lvl1pPr>
            <a:lvl2pPr>
              <a:defRPr sz="2999">
                <a:solidFill>
                  <a:schemeClr val="tx1"/>
                </a:solidFill>
              </a:defRPr>
            </a:lvl2pPr>
            <a:lvl3pPr>
              <a:defRPr sz="2999">
                <a:solidFill>
                  <a:schemeClr val="tx1"/>
                </a:solidFill>
              </a:defRPr>
            </a:lvl3pPr>
            <a:lvl4pPr>
              <a:defRPr sz="2999">
                <a:solidFill>
                  <a:schemeClr val="tx1"/>
                </a:solidFill>
              </a:defRPr>
            </a:lvl4pPr>
            <a:lvl5pPr>
              <a:defRPr sz="2999">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18" name="TextBox 17"/>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A7A1DCA2-5AEC-49F1-AA9D-0C9A581BF331}"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550035883"/>
      </p:ext>
    </p:extLst>
  </p:cSld>
  <p:clrMapOvr>
    <a:masterClrMapping/>
  </p:clrMapOvr>
  <p:transition spd="slow">
    <p:fade/>
  </p:transition>
  <p:extLst>
    <p:ext uri="{DCECCB84-F9BA-43D5-87BE-67443E8EF086}">
      <p15:sldGuideLst xmlns:p15="http://schemas.microsoft.com/office/powerpoint/2012/main">
        <p15:guide id="1" orient="horz" pos="865">
          <p15:clr>
            <a:srgbClr val="000000"/>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Big header and content">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985837" y="315915"/>
            <a:ext cx="4964113" cy="664815"/>
          </a:xfrm>
        </p:spPr>
        <p:txBody>
          <a:bodyPr anchor="t" anchorCtr="0"/>
          <a:lstStyle>
            <a:lvl1pPr>
              <a:defRPr>
                <a:solidFill>
                  <a:schemeClr val="tx1"/>
                </a:solidFill>
              </a:defRPr>
            </a:lvl1pPr>
          </a:lstStyle>
          <a:p>
            <a:pPr lvl="0"/>
            <a:r>
              <a:rPr lang="da-DK"/>
              <a:t>Klik for at indsætte titel</a:t>
            </a:r>
          </a:p>
        </p:txBody>
      </p:sp>
      <p:sp>
        <p:nvSpPr>
          <p:cNvPr id="3" name="Content Placeholder 2"/>
          <p:cNvSpPr>
            <a:spLocks noGrp="1"/>
          </p:cNvSpPr>
          <p:nvPr>
            <p:ph idx="1" hasCustomPrompt="1"/>
          </p:nvPr>
        </p:nvSpPr>
        <p:spPr>
          <a:xfrm>
            <a:off x="6238429" y="315913"/>
            <a:ext cx="4967735" cy="5578474"/>
          </a:xfrm>
        </p:spPr>
        <p:txBody>
          <a:bodyPr/>
          <a:lstStyle>
            <a:lvl1pPr marL="0" indent="0">
              <a:buFont typeface="Calibri" panose="020F0502020204030204" pitchFamily="34" charset="0"/>
              <a:buChar char="​"/>
              <a:defRPr sz="2399">
                <a:solidFill>
                  <a:schemeClr val="tx1"/>
                </a:solidFill>
              </a:defRPr>
            </a:lvl1pPr>
            <a:lvl2pPr>
              <a:defRPr sz="2399">
                <a:solidFill>
                  <a:schemeClr val="tx1"/>
                </a:solidFill>
              </a:defRPr>
            </a:lvl2pPr>
            <a:lvl3pPr>
              <a:defRPr sz="2399">
                <a:solidFill>
                  <a:schemeClr val="tx1"/>
                </a:solidFill>
              </a:defRPr>
            </a:lvl3pPr>
            <a:lvl4pPr>
              <a:defRPr sz="2399">
                <a:solidFill>
                  <a:schemeClr val="tx1"/>
                </a:solidFill>
              </a:defRPr>
            </a:lvl4pPr>
            <a:lvl5pPr>
              <a:defRPr sz="2399">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a:p>
            <a:pPr lvl="4"/>
            <a:endParaRPr lang="da-DK"/>
          </a:p>
        </p:txBody>
      </p:sp>
      <p:sp>
        <p:nvSpPr>
          <p:cNvPr id="18" name="TextBox 17"/>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8471AC3A-1AEE-4B38-B83B-5ED03356B2A3}"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273548425"/>
      </p:ext>
    </p:extLst>
  </p:cSld>
  <p:clrMapOvr>
    <a:masterClrMapping/>
  </p:clrMapOvr>
  <p:transition spd="slow">
    <p:fade/>
  </p:transition>
  <p:extLst>
    <p:ext uri="{DCECCB84-F9BA-43D5-87BE-67443E8EF086}">
      <p15:sldGuideLst xmlns:p15="http://schemas.microsoft.com/office/powerpoint/2012/main">
        <p15:guide id="1" orient="horz" pos="865">
          <p15:clr>
            <a:srgbClr val="000000"/>
          </p15:clr>
        </p15:guide>
      </p15:sldGuideLst>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85839" y="315914"/>
            <a:ext cx="4975225" cy="666887"/>
          </a:xfrm>
        </p:spPr>
        <p:txBody>
          <a:bodyPr anchor="t" anchorCtr="0"/>
          <a:lstStyle>
            <a:lvl1pPr>
              <a:lnSpc>
                <a:spcPct val="90000"/>
              </a:lnSpc>
              <a:defRPr>
                <a:solidFill>
                  <a:schemeClr val="tx1"/>
                </a:solidFill>
              </a:defRPr>
            </a:lvl1pPr>
          </a:lstStyle>
          <a:p>
            <a:r>
              <a:rPr lang="da-DK"/>
              <a:t>Klik for at indsætte titel</a:t>
            </a:r>
          </a:p>
        </p:txBody>
      </p:sp>
      <p:sp>
        <p:nvSpPr>
          <p:cNvPr id="10" name="Text Placeholder 2"/>
          <p:cNvSpPr>
            <a:spLocks noGrp="1"/>
          </p:cNvSpPr>
          <p:nvPr>
            <p:ph type="body" sz="quarter" idx="14" hasCustomPrompt="1"/>
          </p:nvPr>
        </p:nvSpPr>
        <p:spPr>
          <a:xfrm>
            <a:off x="985839" y="1958976"/>
            <a:ext cx="4975225" cy="3938589"/>
          </a:xfrm>
        </p:spPr>
        <p:txBody>
          <a:bodyPr/>
          <a:lstStyle>
            <a:lvl1pPr marL="0" indent="0">
              <a:buFont typeface="Calibri" panose="020F0502020204030204" pitchFamily="34" charset="0"/>
              <a:buChar cha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9" name="TextBox 8"/>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8397EA58-6C0F-4CD4-A831-E6803F1AEE54}" type="datetime1">
              <a:rPr lang="da-DK" smtClean="0"/>
              <a:t>09-04-2026</a:t>
            </a:fld>
            <a:r>
              <a:rPr lang="da-DK"/>
              <a:t>18-08-2024</a:t>
            </a:r>
          </a:p>
        </p:txBody>
      </p:sp>
      <p:sp>
        <p:nvSpPr>
          <p:cNvPr id="6" name="Footer Placeholder 5" hidden="1"/>
          <p:cNvSpPr>
            <a:spLocks noGrp="1"/>
          </p:cNvSpPr>
          <p:nvPr>
            <p:ph type="ftr" sz="quarter" idx="16"/>
          </p:nvPr>
        </p:nvSpPr>
        <p:spPr>
          <a:xfrm>
            <a:off x="0" y="7020000"/>
            <a:ext cx="0" cy="0"/>
          </a:xfrm>
          <a:prstGeom prst="rect">
            <a:avLst/>
          </a:prstGeom>
        </p:spPr>
        <p:txBody>
          <a:bodyPr/>
          <a:lstStyle/>
          <a:p>
            <a:endParaRPr lang="da-DK"/>
          </a:p>
        </p:txBody>
      </p:sp>
      <p:sp>
        <p:nvSpPr>
          <p:cNvPr id="7" name="Picture Placeholder 3"/>
          <p:cNvSpPr>
            <a:spLocks noGrp="1"/>
          </p:cNvSpPr>
          <p:nvPr>
            <p:ph type="pic" sz="quarter" idx="13" hasCustomPrompt="1"/>
          </p:nvPr>
        </p:nvSpPr>
        <p:spPr>
          <a:xfrm>
            <a:off x="6227764" y="315913"/>
            <a:ext cx="5646545" cy="6242050"/>
          </a:xfrm>
        </p:spPr>
        <p:txBody>
          <a:bodyPr/>
          <a:lstStyle>
            <a:lvl1pPr marL="0" indent="0">
              <a:buNone/>
              <a:defRPr b="0">
                <a:solidFill>
                  <a:schemeClr val="tx1"/>
                </a:solidFill>
              </a:defRPr>
            </a:lvl1pPr>
          </a:lstStyle>
          <a:p>
            <a:r>
              <a:rPr lang="da-DK"/>
              <a:t>Klik her og tilføj billede via </a:t>
            </a:r>
            <a:r>
              <a:rPr lang="da-DK" err="1"/>
              <a:t>Templafy</a:t>
            </a:r>
            <a:r>
              <a:rPr lang="da-DK"/>
              <a:t> billedbibliotek</a:t>
            </a:r>
          </a:p>
        </p:txBody>
      </p:sp>
    </p:spTree>
    <p:extLst>
      <p:ext uri="{BB962C8B-B14F-4D97-AF65-F5344CB8AC3E}">
        <p14:creationId xmlns:p14="http://schemas.microsoft.com/office/powerpoint/2010/main" val="1296695681"/>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5">
          <p15:clr>
            <a:srgbClr val="A4A3A4"/>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preserve="1" userDrawn="1">
  <p:cSld name="Image and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231756" y="315914"/>
            <a:ext cx="4975225" cy="666887"/>
          </a:xfrm>
        </p:spPr>
        <p:txBody>
          <a:bodyPr anchor="t" anchorCtr="0"/>
          <a:lstStyle>
            <a:lvl1pPr>
              <a:lnSpc>
                <a:spcPct val="90000"/>
              </a:lnSpc>
              <a:defRPr>
                <a:solidFill>
                  <a:schemeClr val="tx1"/>
                </a:solidFill>
              </a:defRPr>
            </a:lvl1pPr>
          </a:lstStyle>
          <a:p>
            <a:r>
              <a:rPr lang="da-DK"/>
              <a:t>Klik for at indsætte titel</a:t>
            </a:r>
          </a:p>
        </p:txBody>
      </p:sp>
      <p:sp>
        <p:nvSpPr>
          <p:cNvPr id="10" name="Text Placeholder 2"/>
          <p:cNvSpPr>
            <a:spLocks noGrp="1"/>
          </p:cNvSpPr>
          <p:nvPr>
            <p:ph type="body" sz="quarter" idx="14" hasCustomPrompt="1"/>
          </p:nvPr>
        </p:nvSpPr>
        <p:spPr>
          <a:xfrm>
            <a:off x="6231756" y="1958976"/>
            <a:ext cx="4975225" cy="3938589"/>
          </a:xfrm>
        </p:spPr>
        <p:txBody>
          <a:bodyPr/>
          <a:lstStyle>
            <a:lvl1pPr marL="0" indent="0">
              <a:lnSpc>
                <a:spcPct val="90000"/>
              </a:lnSpc>
              <a:buFont typeface="Calibri" panose="020F0502020204030204" pitchFamily="34" charset="0"/>
              <a:buChar char="​"/>
              <a:defRPr>
                <a:solidFill>
                  <a:schemeClr val="tx1"/>
                </a:solidFill>
              </a:defRPr>
            </a:lvl1pPr>
            <a:lvl2pPr>
              <a:lnSpc>
                <a:spcPct val="90000"/>
              </a:lnSpc>
              <a:defRPr>
                <a:solidFill>
                  <a:schemeClr val="tx1"/>
                </a:solidFill>
              </a:defRPr>
            </a:lvl2pPr>
            <a:lvl3pPr>
              <a:lnSpc>
                <a:spcPct val="90000"/>
              </a:lnSpc>
              <a:defRPr>
                <a:solidFill>
                  <a:schemeClr val="tx1"/>
                </a:solidFill>
              </a:defRPr>
            </a:lvl3pPr>
            <a:lvl4pPr>
              <a:lnSpc>
                <a:spcPct val="90000"/>
              </a:lnSpc>
              <a:defRPr>
                <a:solidFill>
                  <a:schemeClr val="tx1"/>
                </a:solidFill>
              </a:defRPr>
            </a:lvl4pPr>
            <a:lvl5pPr>
              <a:lnSpc>
                <a:spcPct val="90000"/>
              </a:lnSpc>
              <a:defRPr>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9" name="TextBox 8"/>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3EFFED4D-031B-41FE-A82D-132283E1C23E}" type="datetime1">
              <a:rPr lang="da-DK" smtClean="0"/>
              <a:t>09-04-2026</a:t>
            </a:fld>
            <a:r>
              <a:rPr lang="da-DK"/>
              <a:t>18-08-2024</a:t>
            </a:r>
          </a:p>
        </p:txBody>
      </p:sp>
      <p:sp>
        <p:nvSpPr>
          <p:cNvPr id="6" name="Footer Placeholder 5" hidden="1"/>
          <p:cNvSpPr>
            <a:spLocks noGrp="1"/>
          </p:cNvSpPr>
          <p:nvPr>
            <p:ph type="ftr" sz="quarter" idx="16"/>
          </p:nvPr>
        </p:nvSpPr>
        <p:spPr>
          <a:xfrm>
            <a:off x="0" y="7020000"/>
            <a:ext cx="0" cy="0"/>
          </a:xfrm>
          <a:prstGeom prst="rect">
            <a:avLst/>
          </a:prstGeom>
        </p:spPr>
        <p:txBody>
          <a:bodyPr/>
          <a:lstStyle/>
          <a:p>
            <a:endParaRPr lang="da-DK"/>
          </a:p>
        </p:txBody>
      </p:sp>
      <p:sp>
        <p:nvSpPr>
          <p:cNvPr id="7" name="Picture Placeholder 3"/>
          <p:cNvSpPr>
            <a:spLocks noGrp="1"/>
          </p:cNvSpPr>
          <p:nvPr>
            <p:ph type="pic" sz="quarter" idx="13" hasCustomPrompt="1"/>
          </p:nvPr>
        </p:nvSpPr>
        <p:spPr>
          <a:xfrm>
            <a:off x="333375" y="315913"/>
            <a:ext cx="5617021" cy="6242050"/>
          </a:xfrm>
        </p:spPr>
        <p:txBody>
          <a:bodyPr/>
          <a:lstStyle>
            <a:lvl1pPr marL="0" indent="0">
              <a:buNone/>
              <a:defRPr b="0">
                <a:solidFill>
                  <a:schemeClr val="tx1"/>
                </a:solidFill>
              </a:defRPr>
            </a:lvl1pPr>
          </a:lstStyle>
          <a:p>
            <a:r>
              <a:rPr lang="da-DK"/>
              <a:t>Klik her og tilføj billede via </a:t>
            </a:r>
            <a:r>
              <a:rPr lang="da-DK" err="1"/>
              <a:t>Templafy</a:t>
            </a:r>
            <a:r>
              <a:rPr lang="da-DK"/>
              <a:t> billedbibliotek</a:t>
            </a:r>
          </a:p>
        </p:txBody>
      </p:sp>
    </p:spTree>
    <p:extLst>
      <p:ext uri="{BB962C8B-B14F-4D97-AF65-F5344CB8AC3E}">
        <p14:creationId xmlns:p14="http://schemas.microsoft.com/office/powerpoint/2010/main" val="1078313352"/>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5">
          <p15:clr>
            <a:srgbClr val="A4A3A4"/>
          </p15:clr>
        </p15:guide>
      </p15:sldGuideLst>
    </p:ext>
  </p:extLst>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Title text and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85839" y="1556792"/>
            <a:ext cx="4975225" cy="360040"/>
          </a:xfrm>
        </p:spPr>
        <p:txBody>
          <a:bodyPr anchor="t" anchorCtr="0"/>
          <a:lstStyle>
            <a:lvl1pPr>
              <a:lnSpc>
                <a:spcPct val="95000"/>
              </a:lnSpc>
              <a:defRPr sz="1999" b="0">
                <a:solidFill>
                  <a:schemeClr val="tx1"/>
                </a:solidFill>
                <a:latin typeface="AU Passata Light" panose="020B0303030902030804" pitchFamily="34" charset="77"/>
              </a:defRPr>
            </a:lvl1pPr>
          </a:lstStyle>
          <a:p>
            <a:r>
              <a:rPr lang="da-DK"/>
              <a:t>KLIK FOR AT INDSÆTTE TITEL</a:t>
            </a:r>
          </a:p>
        </p:txBody>
      </p:sp>
      <p:sp>
        <p:nvSpPr>
          <p:cNvPr id="10" name="Text Placeholder 2"/>
          <p:cNvSpPr>
            <a:spLocks noGrp="1"/>
          </p:cNvSpPr>
          <p:nvPr>
            <p:ph type="body" sz="quarter" idx="14" hasCustomPrompt="1"/>
          </p:nvPr>
        </p:nvSpPr>
        <p:spPr>
          <a:xfrm>
            <a:off x="985839" y="1958976"/>
            <a:ext cx="4975225" cy="3940538"/>
          </a:xfrm>
        </p:spPr>
        <p:txBody>
          <a:bodyPr/>
          <a:lstStyle>
            <a:lvl1pPr marL="0" indent="0">
              <a:buFont typeface="Calibri" panose="020F0502020204030204" pitchFamily="34" charset="0"/>
              <a:buChar char="​"/>
              <a:defRPr sz="3999" b="1">
                <a:solidFill>
                  <a:schemeClr val="tx1"/>
                </a:solidFill>
              </a:defRPr>
            </a:lvl1pPr>
            <a:lvl2pPr>
              <a:defRPr sz="3999" b="1">
                <a:solidFill>
                  <a:srgbClr val="002546"/>
                </a:solidFill>
              </a:defRPr>
            </a:lvl2pPr>
            <a:lvl3pPr>
              <a:defRPr sz="3999" b="1">
                <a:solidFill>
                  <a:srgbClr val="002546"/>
                </a:solidFill>
              </a:defRPr>
            </a:lvl3pPr>
            <a:lvl4pPr>
              <a:defRPr sz="3999" b="1">
                <a:solidFill>
                  <a:srgbClr val="002546"/>
                </a:solidFill>
              </a:defRPr>
            </a:lvl4pPr>
            <a:lvl5pPr>
              <a:defRPr sz="3999" b="1">
                <a:solidFill>
                  <a:srgbClr val="002546"/>
                </a:solidFill>
              </a:defRPr>
            </a:lvl5pPr>
            <a:lvl6pPr>
              <a:defRPr sz="3999" b="1">
                <a:solidFill>
                  <a:srgbClr val="002546"/>
                </a:solidFill>
              </a:defRPr>
            </a:lvl6pPr>
          </a:lstStyle>
          <a:p>
            <a:pPr lvl="0"/>
            <a:r>
              <a:rPr lang="da-DK"/>
              <a:t>Klik for at indsætte tekst</a:t>
            </a:r>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7BC1C068-BD28-427A-9097-B61D9C83F2A3}" type="datetime1">
              <a:rPr lang="da-DK" smtClean="0"/>
              <a:t>09-04-2026</a:t>
            </a:fld>
            <a:r>
              <a:rPr lang="da-DK"/>
              <a:t>18-08-2024</a:t>
            </a:r>
          </a:p>
        </p:txBody>
      </p:sp>
      <p:sp>
        <p:nvSpPr>
          <p:cNvPr id="6" name="Footer Placeholder 5" hidden="1"/>
          <p:cNvSpPr>
            <a:spLocks noGrp="1"/>
          </p:cNvSpPr>
          <p:nvPr>
            <p:ph type="ftr" sz="quarter" idx="16"/>
          </p:nvPr>
        </p:nvSpPr>
        <p:spPr>
          <a:xfrm>
            <a:off x="0" y="7020000"/>
            <a:ext cx="0" cy="0"/>
          </a:xfrm>
          <a:prstGeom prst="rect">
            <a:avLst/>
          </a:prstGeom>
        </p:spPr>
        <p:txBody>
          <a:bodyPr/>
          <a:lstStyle/>
          <a:p>
            <a:endParaRPr lang="da-DK"/>
          </a:p>
        </p:txBody>
      </p:sp>
      <p:sp>
        <p:nvSpPr>
          <p:cNvPr id="3" name="Rektangel 2">
            <a:extLst>
              <a:ext uri="{FF2B5EF4-FFF2-40B4-BE49-F238E27FC236}">
                <a16:creationId xmlns:a16="http://schemas.microsoft.com/office/drawing/2014/main" id="{F7100108-6537-5FEF-9A5D-9C914724DAE8}"/>
              </a:ext>
            </a:extLst>
          </p:cNvPr>
          <p:cNvSpPr/>
          <p:nvPr userDrawn="1"/>
        </p:nvSpPr>
        <p:spPr bwMode="auto">
          <a:xfrm>
            <a:off x="5446341" y="6165306"/>
            <a:ext cx="1656184" cy="416193"/>
          </a:xfrm>
          <a:prstGeom prst="rect">
            <a:avLst/>
          </a:prstGeom>
          <a:solidFill>
            <a:schemeClr val="bg1"/>
          </a:solidFill>
          <a:ln w="1778" cap="flat" cmpd="sng" algn="ctr">
            <a:noFill/>
            <a:prstDash val="solid"/>
            <a:round/>
            <a:headEnd type="none" w="med" len="med"/>
            <a:tailEnd type="none" w="med" len="med"/>
          </a:ln>
          <a:effectLst/>
        </p:spPr>
        <p:txBody>
          <a:bodyPr vert="horz" wrap="square" lIns="91416" tIns="45708" rIns="91416" bIns="45708" numCol="1" rtlCol="0" anchor="t" anchorCtr="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7" name="Picture Placeholder 3"/>
          <p:cNvSpPr>
            <a:spLocks noGrp="1"/>
          </p:cNvSpPr>
          <p:nvPr>
            <p:ph type="pic" sz="quarter" idx="13" hasCustomPrompt="1"/>
          </p:nvPr>
        </p:nvSpPr>
        <p:spPr>
          <a:xfrm>
            <a:off x="6231600" y="315913"/>
            <a:ext cx="5644800" cy="6242050"/>
          </a:xfrm>
        </p:spPr>
        <p:txBody>
          <a:bodyPr/>
          <a:lstStyle>
            <a:lvl1pPr marL="0" indent="0">
              <a:buNone/>
              <a:defRPr b="0">
                <a:solidFill>
                  <a:schemeClr val="tx1"/>
                </a:solidFill>
              </a:defRPr>
            </a:lvl1pPr>
          </a:lstStyle>
          <a:p>
            <a:r>
              <a:rPr lang="da-DK"/>
              <a:t>Click here and add image via Templafy Image Library</a:t>
            </a:r>
          </a:p>
        </p:txBody>
      </p:sp>
    </p:spTree>
    <p:extLst>
      <p:ext uri="{BB962C8B-B14F-4D97-AF65-F5344CB8AC3E}">
        <p14:creationId xmlns:p14="http://schemas.microsoft.com/office/powerpoint/2010/main" val="230886111"/>
      </p:ext>
    </p:extLst>
  </p:cSld>
  <p:clrMapOvr>
    <a:masterClrMapping/>
  </p:clrMapOvr>
  <p:transition spd="slow">
    <p:fade/>
  </p:transition>
  <p:extLst>
    <p:ext uri="{DCECCB84-F9BA-43D5-87BE-67443E8EF086}">
      <p15:sldGuideLst xmlns:p15="http://schemas.microsoft.com/office/powerpoint/2012/main">
        <p15:guide id="1" pos="3930">
          <p15:clr>
            <a:srgbClr val="A4A3A4"/>
          </p15:clr>
        </p15:guide>
        <p15:guide id="2" pos="3755">
          <p15:clr>
            <a:srgbClr val="A4A3A4"/>
          </p15:clr>
        </p15:guide>
        <p15:guide id="3" orient="horz" pos="3069">
          <p15:clr>
            <a:srgbClr val="A4A3A4"/>
          </p15:clr>
        </p15:guide>
      </p15:sldGuideLst>
    </p:ext>
  </p:extLst>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Statement text">
    <p:spTree>
      <p:nvGrpSpPr>
        <p:cNvPr id="1" name=""/>
        <p:cNvGrpSpPr/>
        <p:nvPr/>
      </p:nvGrpSpPr>
      <p:grpSpPr>
        <a:xfrm>
          <a:off x="0" y="0"/>
          <a:ext cx="0" cy="0"/>
          <a:chOff x="0" y="0"/>
          <a:chExt cx="0" cy="0"/>
        </a:xfrm>
      </p:grpSpPr>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92313240-5DA5-463D-9966-5C7F638D69A9}"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3" name="Text Placeholder 2">
            <a:extLst>
              <a:ext uri="{FF2B5EF4-FFF2-40B4-BE49-F238E27FC236}">
                <a16:creationId xmlns:a16="http://schemas.microsoft.com/office/drawing/2014/main" id="{34B50F68-F725-84C3-150A-3F98ACC42A1D}"/>
              </a:ext>
            </a:extLst>
          </p:cNvPr>
          <p:cNvSpPr>
            <a:spLocks noGrp="1"/>
          </p:cNvSpPr>
          <p:nvPr>
            <p:ph type="body" sz="quarter" idx="16" hasCustomPrompt="1"/>
          </p:nvPr>
        </p:nvSpPr>
        <p:spPr>
          <a:xfrm>
            <a:off x="1005389" y="1961213"/>
            <a:ext cx="10220325" cy="3936349"/>
          </a:xfrm>
        </p:spPr>
        <p:txBody>
          <a:bodyPr/>
          <a:lstStyle>
            <a:lvl1pPr marL="0" indent="0" algn="l">
              <a:lnSpc>
                <a:spcPct val="90000"/>
              </a:lnSpc>
              <a:spcBef>
                <a:spcPts val="0"/>
              </a:spcBef>
              <a:buSzPct val="250000"/>
              <a:buFontTx/>
              <a:buNone/>
              <a:defRPr sz="3999" b="1">
                <a:solidFill>
                  <a:srgbClr val="002546"/>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2" name="TextBox 8">
            <a:extLst>
              <a:ext uri="{FF2B5EF4-FFF2-40B4-BE49-F238E27FC236}">
                <a16:creationId xmlns:a16="http://schemas.microsoft.com/office/drawing/2014/main" id="{EAD89B02-3AF9-5FDD-F1D6-D581869FADF0}"/>
              </a:ext>
            </a:extLst>
          </p:cNvPr>
          <p:cNvSpPr txBox="1"/>
          <p:nvPr userDrawn="1"/>
        </p:nvSpPr>
        <p:spPr>
          <a:xfrm>
            <a:off x="-2042492" y="1965215"/>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a:t>
            </a:r>
            <a:br>
              <a:rPr lang="da-DK" sz="4798" noProof="1">
                <a:solidFill>
                  <a:schemeClr val="tx1">
                    <a:lumMod val="75000"/>
                    <a:lumOff val="25000"/>
                  </a:schemeClr>
                </a:solidFill>
              </a:rPr>
            </a:br>
            <a:r>
              <a:rPr lang="da-DK" sz="1000" noProof="1">
                <a:solidFill>
                  <a:schemeClr val="tx1">
                    <a:lumMod val="75000"/>
                    <a:lumOff val="25000"/>
                  </a:schemeClr>
                </a:solidFill>
              </a:rPr>
              <a:t>med din temafarve </a:t>
            </a:r>
            <a:br>
              <a:rPr lang="da-DK" sz="1000" noProof="1">
                <a:solidFill>
                  <a:schemeClr val="tx1">
                    <a:lumMod val="75000"/>
                    <a:lumOff val="25000"/>
                  </a:schemeClr>
                </a:solidFill>
              </a:rPr>
            </a:br>
            <a:r>
              <a:rPr lang="da-DK" sz="1000" noProof="1">
                <a:solidFill>
                  <a:schemeClr val="tx1">
                    <a:lumMod val="75000"/>
                    <a:lumOff val="25000"/>
                  </a:schemeClr>
                </a:solidFill>
              </a:rPr>
              <a:t>eller med AU Passata Light </a:t>
            </a:r>
          </a:p>
        </p:txBody>
      </p:sp>
    </p:spTree>
    <p:extLst>
      <p:ext uri="{BB962C8B-B14F-4D97-AF65-F5344CB8AC3E}">
        <p14:creationId xmlns:p14="http://schemas.microsoft.com/office/powerpoint/2010/main" val="4215308531"/>
      </p:ext>
    </p:extLst>
  </p:cSld>
  <p:clrMapOvr>
    <a:masterClrMapping/>
  </p:clrMapOvr>
  <p:transition spd="slow">
    <p:fade/>
  </p:transition>
</p:sldLayout>
</file>

<file path=ppt/slideLayouts/slideLayout158.xml><?xml version="1.0" encoding="utf-8"?>
<p:sldLayout xmlns:a="http://schemas.openxmlformats.org/drawingml/2006/main" xmlns:r="http://schemas.openxmlformats.org/officeDocument/2006/relationships" xmlns:p="http://schemas.openxmlformats.org/presentationml/2006/main" preserve="1" userDrawn="1">
  <p:cSld name="Preheader and statement text">
    <p:spTree>
      <p:nvGrpSpPr>
        <p:cNvPr id="1" name=""/>
        <p:cNvGrpSpPr/>
        <p:nvPr/>
      </p:nvGrpSpPr>
      <p:grpSpPr>
        <a:xfrm>
          <a:off x="0" y="0"/>
          <a:ext cx="0" cy="0"/>
          <a:chOff x="0" y="0"/>
          <a:chExt cx="0" cy="0"/>
        </a:xfrm>
      </p:grpSpPr>
      <p:sp>
        <p:nvSpPr>
          <p:cNvPr id="7" name="Text Placeholder 2"/>
          <p:cNvSpPr>
            <a:spLocks noGrp="1"/>
          </p:cNvSpPr>
          <p:nvPr>
            <p:ph type="body" sz="quarter" idx="11" hasCustomPrompt="1"/>
          </p:nvPr>
        </p:nvSpPr>
        <p:spPr>
          <a:xfrm>
            <a:off x="985839" y="2564905"/>
            <a:ext cx="10220325" cy="2304255"/>
          </a:xfrm>
        </p:spPr>
        <p:txBody>
          <a:bodyPr/>
          <a:lstStyle>
            <a:lvl1pPr marL="0" indent="0" algn="l">
              <a:lnSpc>
                <a:spcPct val="90000"/>
              </a:lnSpc>
              <a:spcBef>
                <a:spcPts val="0"/>
              </a:spcBef>
              <a:buSzPct val="250000"/>
              <a:buFontTx/>
              <a:buNone/>
              <a:defRPr sz="4399" b="1">
                <a:solidFill>
                  <a:srgbClr val="002546"/>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B84E068A-93FD-4B54-B104-B2158034FBCC}"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2" name="Text Placeholder 2">
            <a:extLst>
              <a:ext uri="{FF2B5EF4-FFF2-40B4-BE49-F238E27FC236}">
                <a16:creationId xmlns:a16="http://schemas.microsoft.com/office/drawing/2014/main" id="{5A9C5A01-4943-4F99-90F7-3CEC671CA983}"/>
              </a:ext>
            </a:extLst>
          </p:cNvPr>
          <p:cNvSpPr>
            <a:spLocks noGrp="1"/>
          </p:cNvSpPr>
          <p:nvPr>
            <p:ph type="body" sz="quarter" idx="16" hasCustomPrompt="1"/>
          </p:nvPr>
        </p:nvSpPr>
        <p:spPr>
          <a:xfrm>
            <a:off x="985839" y="1978623"/>
            <a:ext cx="10220325" cy="586283"/>
          </a:xfrm>
        </p:spPr>
        <p:txBody>
          <a:bodyPr/>
          <a:lstStyle>
            <a:lvl1pPr marL="0" indent="0" algn="l">
              <a:lnSpc>
                <a:spcPct val="89000"/>
              </a:lnSpc>
              <a:spcBef>
                <a:spcPts val="0"/>
              </a:spcBef>
              <a:buSzPct val="250000"/>
              <a:buFontTx/>
              <a:buNone/>
              <a:defRPr sz="1999" b="0">
                <a:solidFill>
                  <a:srgbClr val="002546"/>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ITEL</a:t>
            </a:r>
          </a:p>
        </p:txBody>
      </p:sp>
    </p:spTree>
    <p:extLst>
      <p:ext uri="{BB962C8B-B14F-4D97-AF65-F5344CB8AC3E}">
        <p14:creationId xmlns:p14="http://schemas.microsoft.com/office/powerpoint/2010/main" val="3776953416"/>
      </p:ext>
    </p:extLst>
  </p:cSld>
  <p:clrMapOvr>
    <a:masterClrMapping/>
  </p:clrMapOvr>
  <p:transition spd="slow">
    <p:fade/>
  </p:transition>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Quote slide">
    <p:spTree>
      <p:nvGrpSpPr>
        <p:cNvPr id="1" name=""/>
        <p:cNvGrpSpPr/>
        <p:nvPr/>
      </p:nvGrpSpPr>
      <p:grpSpPr>
        <a:xfrm>
          <a:off x="0" y="0"/>
          <a:ext cx="0" cy="0"/>
          <a:chOff x="0" y="0"/>
          <a:chExt cx="0" cy="0"/>
        </a:xfrm>
      </p:grpSpPr>
      <p:sp>
        <p:nvSpPr>
          <p:cNvPr id="10" name="Slide Number Placeholder 9"/>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00C1E417-3B3E-414D-8988-564D70EDF754}" type="datetime1">
              <a:rPr lang="da-DK" smtClean="0"/>
              <a:t>09-04-2026</a:t>
            </a:fld>
            <a:r>
              <a:rPr lang="da-DK"/>
              <a:t>18-08-2024</a:t>
            </a:r>
          </a:p>
        </p:txBody>
      </p:sp>
      <p:sp>
        <p:nvSpPr>
          <p:cNvPr id="8" name="Footer Placeholder 7" hidden="1"/>
          <p:cNvSpPr>
            <a:spLocks noGrp="1"/>
          </p:cNvSpPr>
          <p:nvPr>
            <p:ph type="ftr" sz="quarter" idx="14"/>
          </p:nvPr>
        </p:nvSpPr>
        <p:spPr>
          <a:xfrm>
            <a:off x="0" y="7020000"/>
            <a:ext cx="0" cy="0"/>
          </a:xfrm>
          <a:prstGeom prst="rect">
            <a:avLst/>
          </a:prstGeom>
        </p:spPr>
        <p:txBody>
          <a:bodyPr/>
          <a:lstStyle/>
          <a:p>
            <a:endParaRPr lang="da-DK"/>
          </a:p>
        </p:txBody>
      </p:sp>
      <p:sp>
        <p:nvSpPr>
          <p:cNvPr id="2" name="Text Placeholder 2">
            <a:extLst>
              <a:ext uri="{FF2B5EF4-FFF2-40B4-BE49-F238E27FC236}">
                <a16:creationId xmlns:a16="http://schemas.microsoft.com/office/drawing/2014/main" id="{5CC2969D-9182-12ED-F797-9D572F642FD0}"/>
              </a:ext>
            </a:extLst>
          </p:cNvPr>
          <p:cNvSpPr>
            <a:spLocks noGrp="1"/>
          </p:cNvSpPr>
          <p:nvPr>
            <p:ph type="body" sz="quarter" idx="11" hasCustomPrompt="1"/>
          </p:nvPr>
        </p:nvSpPr>
        <p:spPr>
          <a:xfrm>
            <a:off x="985838" y="1965214"/>
            <a:ext cx="10220325" cy="3047963"/>
          </a:xfrm>
        </p:spPr>
        <p:txBody>
          <a:bodyPr/>
          <a:lstStyle>
            <a:lvl1pPr marL="0" indent="0" algn="ctr">
              <a:lnSpc>
                <a:spcPct val="90000"/>
              </a:lnSpc>
              <a:spcBef>
                <a:spcPts val="0"/>
              </a:spcBef>
              <a:buSzPct val="250000"/>
              <a:buFontTx/>
              <a:buNone/>
              <a:defRPr sz="4399" b="1">
                <a:solidFill>
                  <a:schemeClr val="tx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citat</a:t>
            </a:r>
          </a:p>
        </p:txBody>
      </p:sp>
      <p:sp>
        <p:nvSpPr>
          <p:cNvPr id="3" name="Text Placeholder 2">
            <a:extLst>
              <a:ext uri="{FF2B5EF4-FFF2-40B4-BE49-F238E27FC236}">
                <a16:creationId xmlns:a16="http://schemas.microsoft.com/office/drawing/2014/main" id="{137441CA-ADDB-33CE-228E-72AD01342E3E}"/>
              </a:ext>
            </a:extLst>
          </p:cNvPr>
          <p:cNvSpPr>
            <a:spLocks noGrp="1"/>
          </p:cNvSpPr>
          <p:nvPr>
            <p:ph type="body" sz="quarter" idx="16" hasCustomPrompt="1"/>
          </p:nvPr>
        </p:nvSpPr>
        <p:spPr>
          <a:xfrm>
            <a:off x="1008728" y="5054399"/>
            <a:ext cx="10220325" cy="318819"/>
          </a:xfrm>
        </p:spPr>
        <p:txBody>
          <a:bodyPr/>
          <a:lstStyle>
            <a:lvl1pPr marL="0" indent="0" algn="ctr">
              <a:lnSpc>
                <a:spcPct val="89000"/>
              </a:lnSpc>
              <a:spcBef>
                <a:spcPts val="0"/>
              </a:spcBef>
              <a:buSzPct val="250000"/>
              <a:buFontTx/>
              <a:buNone/>
              <a:defRPr sz="1999" b="0">
                <a:solidFill>
                  <a:schemeClr val="tx1"/>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TILFØJE NAVN</a:t>
            </a:r>
          </a:p>
        </p:txBody>
      </p:sp>
      <p:sp>
        <p:nvSpPr>
          <p:cNvPr id="4" name="TextBox 8">
            <a:extLst>
              <a:ext uri="{FF2B5EF4-FFF2-40B4-BE49-F238E27FC236}">
                <a16:creationId xmlns:a16="http://schemas.microsoft.com/office/drawing/2014/main" id="{EE8121D5-B5C3-779F-192E-1359A484BE71}"/>
              </a:ext>
            </a:extLst>
          </p:cNvPr>
          <p:cNvSpPr txBox="1"/>
          <p:nvPr userDrawn="1"/>
        </p:nvSpPr>
        <p:spPr>
          <a:xfrm>
            <a:off x="-2042492" y="1965215"/>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a:t>
            </a:r>
            <a:br>
              <a:rPr lang="da-DK" sz="4798" noProof="1">
                <a:solidFill>
                  <a:schemeClr val="tx1">
                    <a:lumMod val="75000"/>
                    <a:lumOff val="25000"/>
                  </a:schemeClr>
                </a:solidFill>
              </a:rPr>
            </a:br>
            <a:r>
              <a:rPr lang="da-DK" sz="1000" noProof="1">
                <a:solidFill>
                  <a:schemeClr val="tx1">
                    <a:lumMod val="75000"/>
                    <a:lumOff val="25000"/>
                  </a:schemeClr>
                </a:solidFill>
              </a:rPr>
              <a:t>med din temafarve </a:t>
            </a:r>
            <a:br>
              <a:rPr lang="da-DK" sz="1000" noProof="1">
                <a:solidFill>
                  <a:schemeClr val="tx1">
                    <a:lumMod val="75000"/>
                    <a:lumOff val="25000"/>
                  </a:schemeClr>
                </a:solidFill>
              </a:rPr>
            </a:br>
            <a:r>
              <a:rPr lang="da-DK" sz="1000" noProof="1">
                <a:solidFill>
                  <a:schemeClr val="tx1">
                    <a:lumMod val="75000"/>
                    <a:lumOff val="25000"/>
                  </a:schemeClr>
                </a:solidFill>
              </a:rPr>
              <a:t>eller med AU Passata Light </a:t>
            </a:r>
          </a:p>
        </p:txBody>
      </p:sp>
    </p:spTree>
    <p:extLst>
      <p:ext uri="{BB962C8B-B14F-4D97-AF65-F5344CB8AC3E}">
        <p14:creationId xmlns:p14="http://schemas.microsoft.com/office/powerpoint/2010/main" val="2003750230"/>
      </p:ext>
    </p:extLst>
  </p:cSld>
  <p:clrMapOvr>
    <a:masterClrMapping/>
  </p:clrMapOvr>
  <p:transition spd="slow">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Click to edit Master title style</a:t>
            </a:r>
          </a:p>
        </p:txBody>
      </p:sp>
      <p:sp>
        <p:nvSpPr>
          <p:cNvPr id="6" name="TextBox 5"/>
          <p:cNvSpPr txBox="1"/>
          <p:nvPr userDrawn="1"/>
        </p:nvSpPr>
        <p:spPr>
          <a:xfrm>
            <a:off x="-2160355" y="1022476"/>
            <a:ext cx="2012649" cy="473425"/>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Light</a:t>
            </a:r>
            <a:endParaRPr lang="da-DK" sz="4799"/>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994FE4F6-4C67-4127-AA4F-2B128EEE17D9}" type="datetime1">
              <a:rPr lang="da-DK" smtClean="0"/>
              <a:t>09-04-2026</a:t>
            </a:fld>
            <a:endParaRPr lang="da-DK"/>
          </a:p>
        </p:txBody>
      </p:sp>
      <p:sp>
        <p:nvSpPr>
          <p:cNvPr id="8" name="Footer Placeholder 7" hidden="1"/>
          <p:cNvSpPr>
            <a:spLocks noGrp="1"/>
          </p:cNvSpPr>
          <p:nvPr>
            <p:ph type="ftr" sz="quarter" idx="11"/>
          </p:nvPr>
        </p:nvSpPr>
        <p:spPr/>
        <p:txBody>
          <a:bodyPr/>
          <a:lstStyle/>
          <a:p>
            <a:endParaRPr lang="da-DK"/>
          </a:p>
        </p:txBody>
      </p:sp>
    </p:spTree>
  </p:cSld>
  <p:clrMapOvr>
    <a:masterClrMapping/>
  </p:clrMapOvr>
</p:sldLayout>
</file>

<file path=ppt/slideLayouts/slideLayout160.xml><?xml version="1.0" encoding="utf-8"?>
<p:sldLayout xmlns:a="http://schemas.openxmlformats.org/drawingml/2006/main" xmlns:r="http://schemas.openxmlformats.org/officeDocument/2006/relationships" xmlns:p="http://schemas.openxmlformats.org/presentationml/2006/main" preserve="1" userDrawn="1">
  <p:cSld name="Fact slide White">
    <p:spTree>
      <p:nvGrpSpPr>
        <p:cNvPr id="1" name=""/>
        <p:cNvGrpSpPr/>
        <p:nvPr/>
      </p:nvGrpSpPr>
      <p:grpSpPr>
        <a:xfrm>
          <a:off x="0" y="0"/>
          <a:ext cx="0" cy="0"/>
          <a:chOff x="0" y="0"/>
          <a:chExt cx="0" cy="0"/>
        </a:xfrm>
      </p:grpSpPr>
      <p:sp>
        <p:nvSpPr>
          <p:cNvPr id="7" name="Text Placeholder 2"/>
          <p:cNvSpPr>
            <a:spLocks noGrp="1"/>
          </p:cNvSpPr>
          <p:nvPr>
            <p:ph type="body" sz="quarter" idx="11" hasCustomPrompt="1"/>
          </p:nvPr>
        </p:nvSpPr>
        <p:spPr>
          <a:xfrm>
            <a:off x="985839" y="3284984"/>
            <a:ext cx="10220325" cy="1800200"/>
          </a:xfrm>
        </p:spPr>
        <p:txBody>
          <a:bodyPr/>
          <a:lstStyle>
            <a:lvl1pPr marL="0" indent="0" algn="l">
              <a:lnSpc>
                <a:spcPct val="90000"/>
              </a:lnSpc>
              <a:spcBef>
                <a:spcPts val="0"/>
              </a:spcBef>
              <a:buSzPct val="250000"/>
              <a:buFontTx/>
              <a:buNone/>
              <a:defRPr sz="4999" b="0">
                <a:solidFill>
                  <a:schemeClr val="tx1"/>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37FB503B-9864-48F8-90A5-963B6AB0FF62}"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3" name="Text Placeholder 2">
            <a:extLst>
              <a:ext uri="{FF2B5EF4-FFF2-40B4-BE49-F238E27FC236}">
                <a16:creationId xmlns:a16="http://schemas.microsoft.com/office/drawing/2014/main" id="{34B50F68-F725-84C3-150A-3F98ACC42A1D}"/>
              </a:ext>
            </a:extLst>
          </p:cNvPr>
          <p:cNvSpPr>
            <a:spLocks noGrp="1"/>
          </p:cNvSpPr>
          <p:nvPr>
            <p:ph type="body" sz="quarter" idx="16" hasCustomPrompt="1"/>
          </p:nvPr>
        </p:nvSpPr>
        <p:spPr>
          <a:xfrm>
            <a:off x="1005389" y="1958977"/>
            <a:ext cx="10220325" cy="1181993"/>
          </a:xfrm>
        </p:spPr>
        <p:txBody>
          <a:bodyPr/>
          <a:lstStyle>
            <a:lvl1pPr marL="0" indent="0" algn="l">
              <a:lnSpc>
                <a:spcPct val="90000"/>
              </a:lnSpc>
              <a:spcBef>
                <a:spcPts val="0"/>
              </a:spcBef>
              <a:buSzPct val="250000"/>
              <a:buFontTx/>
              <a:buNone/>
              <a:defRPr sz="9997" b="1">
                <a:solidFill>
                  <a:srgbClr val="002546"/>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Indsæt tal</a:t>
            </a:r>
          </a:p>
        </p:txBody>
      </p:sp>
      <p:sp>
        <p:nvSpPr>
          <p:cNvPr id="4" name="TextBox 8">
            <a:extLst>
              <a:ext uri="{FF2B5EF4-FFF2-40B4-BE49-F238E27FC236}">
                <a16:creationId xmlns:a16="http://schemas.microsoft.com/office/drawing/2014/main" id="{4724B6DC-C025-BFD9-D34D-B046785ECA89}"/>
              </a:ext>
            </a:extLst>
          </p:cNvPr>
          <p:cNvSpPr txBox="1"/>
          <p:nvPr userDrawn="1"/>
        </p:nvSpPr>
        <p:spPr>
          <a:xfrm>
            <a:off x="-2114500" y="3288986"/>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 med AU Passata Bold </a:t>
            </a:r>
            <a:br>
              <a:rPr lang="da-DK" sz="1000" noProof="1">
                <a:solidFill>
                  <a:schemeClr val="tx1">
                    <a:lumMod val="75000"/>
                    <a:lumOff val="25000"/>
                  </a:schemeClr>
                </a:solidFill>
              </a:rPr>
            </a:br>
            <a:r>
              <a:rPr lang="da-DK" sz="1000" noProof="1">
                <a:solidFill>
                  <a:schemeClr val="tx1">
                    <a:lumMod val="75000"/>
                    <a:lumOff val="25000"/>
                  </a:schemeClr>
                </a:solidFill>
              </a:rPr>
              <a:t>eller med din temafarve</a:t>
            </a:r>
            <a:endParaRPr lang="da-DK" sz="4798"/>
          </a:p>
        </p:txBody>
      </p:sp>
    </p:spTree>
    <p:extLst>
      <p:ext uri="{BB962C8B-B14F-4D97-AF65-F5344CB8AC3E}">
        <p14:creationId xmlns:p14="http://schemas.microsoft.com/office/powerpoint/2010/main" val="4055435728"/>
      </p:ext>
    </p:extLst>
  </p:cSld>
  <p:clrMapOvr>
    <a:masterClrMapping/>
  </p:clrMapOvr>
  <p:transition spd="slow">
    <p:fade/>
  </p:transition>
</p:sldLayout>
</file>

<file path=ppt/slideLayouts/slideLayout161.xml><?xml version="1.0" encoding="utf-8"?>
<p:sldLayout xmlns:a="http://schemas.openxmlformats.org/drawingml/2006/main" xmlns:r="http://schemas.openxmlformats.org/officeDocument/2006/relationships" xmlns:p="http://schemas.openxmlformats.org/presentationml/2006/main" preserve="1" userDrawn="1">
  <p:cSld name="Fact slide light">
    <p:bg>
      <p:bgPr>
        <a:solidFill>
          <a:schemeClr val="bg2">
            <a:lumMod val="25000"/>
            <a:lumOff val="75000"/>
          </a:schemeClr>
        </a:solidFill>
        <a:effectLst/>
      </p:bgPr>
    </p:bg>
    <p:spTree>
      <p:nvGrpSpPr>
        <p:cNvPr id="1" name=""/>
        <p:cNvGrpSpPr/>
        <p:nvPr/>
      </p:nvGrpSpPr>
      <p:grpSpPr>
        <a:xfrm>
          <a:off x="0" y="0"/>
          <a:ext cx="0" cy="0"/>
          <a:chOff x="0" y="0"/>
          <a:chExt cx="0" cy="0"/>
        </a:xfrm>
      </p:grpSpPr>
      <p:sp>
        <p:nvSpPr>
          <p:cNvPr id="7" name="Text Placeholder 2"/>
          <p:cNvSpPr>
            <a:spLocks noGrp="1"/>
          </p:cNvSpPr>
          <p:nvPr>
            <p:ph type="body" sz="quarter" idx="11" hasCustomPrompt="1"/>
          </p:nvPr>
        </p:nvSpPr>
        <p:spPr>
          <a:xfrm>
            <a:off x="985839" y="3284984"/>
            <a:ext cx="10220325" cy="1800200"/>
          </a:xfrm>
        </p:spPr>
        <p:txBody>
          <a:bodyPr/>
          <a:lstStyle>
            <a:lvl1pPr marL="0" indent="0" algn="l">
              <a:lnSpc>
                <a:spcPct val="90000"/>
              </a:lnSpc>
              <a:spcBef>
                <a:spcPts val="0"/>
              </a:spcBef>
              <a:buSzPct val="250000"/>
              <a:buFontTx/>
              <a:buNone/>
              <a:defRPr sz="4999" b="1">
                <a:solidFill>
                  <a:schemeClr val="tx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F8CAD756-B78D-4C24-A046-635EAEC538A6}"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3" name="Text Placeholder 2">
            <a:extLst>
              <a:ext uri="{FF2B5EF4-FFF2-40B4-BE49-F238E27FC236}">
                <a16:creationId xmlns:a16="http://schemas.microsoft.com/office/drawing/2014/main" id="{34B50F68-F725-84C3-150A-3F98ACC42A1D}"/>
              </a:ext>
            </a:extLst>
          </p:cNvPr>
          <p:cNvSpPr>
            <a:spLocks noGrp="1"/>
          </p:cNvSpPr>
          <p:nvPr>
            <p:ph type="body" sz="quarter" idx="16" hasCustomPrompt="1"/>
          </p:nvPr>
        </p:nvSpPr>
        <p:spPr>
          <a:xfrm>
            <a:off x="1005389" y="1958977"/>
            <a:ext cx="10220325" cy="1181993"/>
          </a:xfrm>
        </p:spPr>
        <p:txBody>
          <a:bodyPr/>
          <a:lstStyle>
            <a:lvl1pPr marL="0" indent="0" algn="l">
              <a:lnSpc>
                <a:spcPct val="90000"/>
              </a:lnSpc>
              <a:spcBef>
                <a:spcPts val="0"/>
              </a:spcBef>
              <a:buSzPct val="250000"/>
              <a:buFontTx/>
              <a:buNone/>
              <a:defRPr sz="9997" b="1">
                <a:solidFill>
                  <a:schemeClr val="tx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Indsæt tal</a:t>
            </a:r>
          </a:p>
        </p:txBody>
      </p:sp>
      <p:sp>
        <p:nvSpPr>
          <p:cNvPr id="2" name="TextBox 8">
            <a:extLst>
              <a:ext uri="{FF2B5EF4-FFF2-40B4-BE49-F238E27FC236}">
                <a16:creationId xmlns:a16="http://schemas.microsoft.com/office/drawing/2014/main" id="{0B43E0A2-76B5-92C6-93E9-C0821E033A9C}"/>
              </a:ext>
            </a:extLst>
          </p:cNvPr>
          <p:cNvSpPr txBox="1"/>
          <p:nvPr userDrawn="1"/>
        </p:nvSpPr>
        <p:spPr>
          <a:xfrm>
            <a:off x="-2114500" y="3288986"/>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t>
            </a:r>
            <a:br>
              <a:rPr lang="da-DK" sz="1000" noProof="1">
                <a:solidFill>
                  <a:schemeClr val="tx1">
                    <a:lumMod val="75000"/>
                    <a:lumOff val="25000"/>
                  </a:schemeClr>
                </a:solidFill>
              </a:rPr>
            </a:br>
            <a:r>
              <a:rPr lang="da-DK" sz="1000" noProof="1">
                <a:solidFill>
                  <a:schemeClr val="tx1">
                    <a:lumMod val="75000"/>
                    <a:lumOff val="25000"/>
                  </a:schemeClr>
                </a:solidFill>
              </a:rPr>
              <a:t>af teksten  med hvid</a:t>
            </a:r>
            <a:endParaRPr lang="da-DK" sz="4798"/>
          </a:p>
        </p:txBody>
      </p:sp>
    </p:spTree>
    <p:extLst>
      <p:ext uri="{BB962C8B-B14F-4D97-AF65-F5344CB8AC3E}">
        <p14:creationId xmlns:p14="http://schemas.microsoft.com/office/powerpoint/2010/main" val="2402492146"/>
      </p:ext>
    </p:extLst>
  </p:cSld>
  <p:clrMapOvr>
    <a:masterClrMapping/>
  </p:clrMapOvr>
  <p:transition spd="slow">
    <p:fade/>
  </p:transition>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Fact slide dark">
    <p:spTree>
      <p:nvGrpSpPr>
        <p:cNvPr id="1" name=""/>
        <p:cNvGrpSpPr/>
        <p:nvPr/>
      </p:nvGrpSpPr>
      <p:grpSpPr>
        <a:xfrm>
          <a:off x="0" y="0"/>
          <a:ext cx="0" cy="0"/>
          <a:chOff x="0" y="0"/>
          <a:chExt cx="0" cy="0"/>
        </a:xfrm>
      </p:grpSpPr>
      <p:sp>
        <p:nvSpPr>
          <p:cNvPr id="22" name="Farvet baggrund"/>
          <p:cNvSpPr/>
          <p:nvPr userDrawn="1"/>
        </p:nvSpPr>
        <p:spPr>
          <a:xfrm>
            <a:off x="-21212"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26"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076" rIns="0" bIns="0" anchor="t" anchorCtr="0">
            <a:spAutoFit/>
          </a:bodyPr>
          <a:lstStyle/>
          <a:p>
            <a:pPr algn="r">
              <a:lnSpc>
                <a:spcPct val="95000"/>
              </a:lnSpc>
              <a:defRPr/>
            </a:pPr>
            <a:r>
              <a:rPr lang="da-DK" sz="700" b="0" cap="all" baseline="0">
                <a:solidFill>
                  <a:schemeClr val="bg1"/>
                </a:solidFill>
                <a:latin typeface="+mn-lt"/>
              </a:rPr>
              <a:t>DATO</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076" rIns="0" bIns="0" anchor="t" anchorCtr="0">
            <a:spAutoFit/>
          </a:bodyPr>
          <a:lstStyle/>
          <a:p>
            <a:pPr algn="l">
              <a:lnSpc>
                <a:spcPct val="95000"/>
              </a:lnSpc>
              <a:defRPr/>
            </a:pPr>
            <a:r>
              <a:rPr lang="da-DK" sz="700" b="0" cap="all" baseline="0">
                <a:solidFill>
                  <a:schemeClr val="bg1"/>
                </a:solidFill>
                <a:latin typeface="+mn-lt"/>
              </a:rPr>
              <a:t>TITEL</a:t>
            </a:r>
          </a:p>
        </p:txBody>
      </p:sp>
      <p:sp>
        <p:nvSpPr>
          <p:cNvPr id="27"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r>
              <a:rPr lang="da-DK" sz="700" b="0" cap="all" baseline="0">
                <a:solidFill>
                  <a:schemeClr val="bg1"/>
                </a:solidFill>
                <a:latin typeface="+mn-lt"/>
              </a:rPr>
              <a:t>TITEL</a:t>
            </a: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1911" rIns="0" bIns="0" anchor="t" anchorCtr="0">
            <a:spAutoFit/>
          </a:bodyPr>
          <a:lstStyle/>
          <a:p>
            <a:pPr algn="l">
              <a:lnSpc>
                <a:spcPct val="95000"/>
              </a:lnSpc>
              <a:defRPr/>
            </a:pPr>
            <a:r>
              <a:rPr lang="da-DK" sz="700" b="0" cap="all" baseline="0">
                <a:solidFill>
                  <a:schemeClr val="bg1"/>
                </a:solidFill>
                <a:latin typeface="+mn-lt"/>
              </a:rPr>
              <a:t>NAV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1" y="5997602"/>
            <a:ext cx="71734" cy="557999"/>
          </a:xfrm>
          <a:prstGeom prst="rect">
            <a:avLst/>
          </a:prstGeom>
        </p:spPr>
      </p:pic>
      <p:pic>
        <p:nvPicPr>
          <p:cNvPr id="614507352" name="SecondaryLogo"/>
          <p:cNvPicPr>
            <a:picLocks noChangeAspect="1"/>
          </p:cNvPicPr>
          <p:nvPr/>
        </p:nvPicPr>
        <p:blipFill>
          <a:blip r:embed="rId4"/>
          <a:stretch>
            <a:fillRect/>
          </a:stretch>
        </p:blipFill>
        <p:spPr>
          <a:xfrm>
            <a:off x="10206001" y="5997600"/>
            <a:ext cx="1658237" cy="558000"/>
          </a:xfrm>
          <a:prstGeom prst="rect">
            <a:avLst/>
          </a:prstGeom>
        </p:spPr>
      </p:pic>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1FEAECBB-2B32-4520-BAB7-5F29DE0B065E}"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
        <p:nvSpPr>
          <p:cNvPr id="5" name="Text Placeholder 2">
            <a:extLst>
              <a:ext uri="{FF2B5EF4-FFF2-40B4-BE49-F238E27FC236}">
                <a16:creationId xmlns:a16="http://schemas.microsoft.com/office/drawing/2014/main" id="{1257501D-DD2A-E9E6-9B96-CAB3992E4058}"/>
              </a:ext>
            </a:extLst>
          </p:cNvPr>
          <p:cNvSpPr>
            <a:spLocks noGrp="1"/>
          </p:cNvSpPr>
          <p:nvPr>
            <p:ph type="body" sz="quarter" idx="13" hasCustomPrompt="1"/>
          </p:nvPr>
        </p:nvSpPr>
        <p:spPr>
          <a:xfrm>
            <a:off x="985839" y="3284984"/>
            <a:ext cx="10220325" cy="1800200"/>
          </a:xfrm>
        </p:spPr>
        <p:txBody>
          <a:bodyPr/>
          <a:lstStyle>
            <a:lvl1pPr marL="0" indent="0" algn="l">
              <a:lnSpc>
                <a:spcPct val="90000"/>
              </a:lnSpc>
              <a:spcBef>
                <a:spcPts val="0"/>
              </a:spcBef>
              <a:buSzPct val="250000"/>
              <a:buFontTx/>
              <a:buNone/>
              <a:defRPr sz="4999" b="0">
                <a:solidFill>
                  <a:schemeClr val="bg1"/>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6" name="Text Placeholder 2">
            <a:extLst>
              <a:ext uri="{FF2B5EF4-FFF2-40B4-BE49-F238E27FC236}">
                <a16:creationId xmlns:a16="http://schemas.microsoft.com/office/drawing/2014/main" id="{E29E28A1-97B7-F1CB-E6E2-1BDC8FD819E4}"/>
              </a:ext>
            </a:extLst>
          </p:cNvPr>
          <p:cNvSpPr>
            <a:spLocks noGrp="1"/>
          </p:cNvSpPr>
          <p:nvPr>
            <p:ph type="body" sz="quarter" idx="16" hasCustomPrompt="1"/>
          </p:nvPr>
        </p:nvSpPr>
        <p:spPr>
          <a:xfrm>
            <a:off x="1005389" y="1961214"/>
            <a:ext cx="10220325" cy="1139982"/>
          </a:xfrm>
        </p:spPr>
        <p:txBody>
          <a:bodyPr/>
          <a:lstStyle>
            <a:lvl1pPr marL="0" indent="0" algn="l">
              <a:lnSpc>
                <a:spcPct val="90000"/>
              </a:lnSpc>
              <a:spcBef>
                <a:spcPts val="0"/>
              </a:spcBef>
              <a:buSzPct val="250000"/>
              <a:buFontTx/>
              <a:buNone/>
              <a:defRPr sz="9997" b="1">
                <a:solidFill>
                  <a:schemeClr val="bg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Indsæt tal</a:t>
            </a:r>
          </a:p>
        </p:txBody>
      </p:sp>
      <p:sp>
        <p:nvSpPr>
          <p:cNvPr id="7" name="TextBox 8">
            <a:extLst>
              <a:ext uri="{FF2B5EF4-FFF2-40B4-BE49-F238E27FC236}">
                <a16:creationId xmlns:a16="http://schemas.microsoft.com/office/drawing/2014/main" id="{5E0D6ED6-E5B7-6E7D-A819-8B24146CA6DF}"/>
              </a:ext>
            </a:extLst>
          </p:cNvPr>
          <p:cNvSpPr txBox="1"/>
          <p:nvPr userDrawn="1"/>
        </p:nvSpPr>
        <p:spPr>
          <a:xfrm>
            <a:off x="-2042492" y="3297559"/>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 med AU Passata Bold </a:t>
            </a:r>
            <a:br>
              <a:rPr lang="da-DK" sz="1000" noProof="1">
                <a:solidFill>
                  <a:schemeClr val="tx1">
                    <a:lumMod val="75000"/>
                    <a:lumOff val="25000"/>
                  </a:schemeClr>
                </a:solidFill>
              </a:rPr>
            </a:br>
            <a:r>
              <a:rPr lang="da-DK" sz="1000" noProof="1">
                <a:solidFill>
                  <a:schemeClr val="tx1">
                    <a:lumMod val="75000"/>
                    <a:lumOff val="25000"/>
                  </a:schemeClr>
                </a:solidFill>
              </a:rPr>
              <a:t>eller med din temafarve</a:t>
            </a:r>
            <a:endParaRPr lang="da-DK" sz="4798"/>
          </a:p>
        </p:txBody>
      </p:sp>
    </p:spTree>
    <p:extLst>
      <p:ext uri="{BB962C8B-B14F-4D97-AF65-F5344CB8AC3E}">
        <p14:creationId xmlns:p14="http://schemas.microsoft.com/office/powerpoint/2010/main" val="117740844"/>
      </p:ext>
    </p:extLst>
  </p:cSld>
  <p:clrMapOvr>
    <a:masterClrMapping/>
  </p:clrMapOvr>
  <p:transition spd="slow">
    <p:fade/>
  </p:transition>
</p:sldLayout>
</file>

<file path=ppt/slideLayouts/slideLayout163.xml><?xml version="1.0" encoding="utf-8"?>
<p:sldLayout xmlns:a="http://schemas.openxmlformats.org/drawingml/2006/main" xmlns:r="http://schemas.openxmlformats.org/officeDocument/2006/relationships" xmlns:p="http://schemas.openxmlformats.org/presentationml/2006/main" showMasterSp="0" preserve="1" userDrawn="1">
  <p:cSld name="Fact slide image">
    <p:bg>
      <p:bgPr>
        <a:solidFill>
          <a:schemeClr val="bg1">
            <a:alpha val="37000"/>
          </a:schemeClr>
        </a:solidFill>
        <a:effectLst/>
      </p:bgPr>
    </p:bg>
    <p:spTree>
      <p:nvGrpSpPr>
        <p:cNvPr id="1" name=""/>
        <p:cNvGrpSpPr/>
        <p:nvPr/>
      </p:nvGrpSpPr>
      <p:grpSpPr>
        <a:xfrm>
          <a:off x="0" y="0"/>
          <a:ext cx="0" cy="0"/>
          <a:chOff x="0" y="0"/>
          <a:chExt cx="0" cy="0"/>
        </a:xfrm>
      </p:grpSpPr>
      <p:sp>
        <p:nvSpPr>
          <p:cNvPr id="8" name="Pladsholder til billede 7">
            <a:extLst>
              <a:ext uri="{FF2B5EF4-FFF2-40B4-BE49-F238E27FC236}">
                <a16:creationId xmlns:a16="http://schemas.microsoft.com/office/drawing/2014/main" id="{2C8D26D0-0E26-499C-2B40-1E32402E9CA8}"/>
              </a:ext>
            </a:extLst>
          </p:cNvPr>
          <p:cNvSpPr>
            <a:spLocks noGrp="1"/>
          </p:cNvSpPr>
          <p:nvPr>
            <p:ph type="pic" sz="quarter" idx="17" hasCustomPrompt="1"/>
          </p:nvPr>
        </p:nvSpPr>
        <p:spPr>
          <a:xfrm>
            <a:off x="25469" y="0"/>
            <a:ext cx="12188825" cy="6858000"/>
          </a:xfrm>
          <a:solidFill>
            <a:schemeClr val="bg1">
              <a:lumMod val="85000"/>
            </a:schemeClr>
          </a:solidFill>
        </p:spPr>
        <p:txBody>
          <a:bodyPr/>
          <a:lstStyle/>
          <a:p>
            <a:pPr marL="0" marR="0" lvl="0" indent="0" algn="l" defTabSz="914126" rtl="0" eaLnBrk="1" fontAlgn="base" latinLnBrk="0" hangingPunct="1">
              <a:lnSpc>
                <a:spcPct val="90000"/>
              </a:lnSpc>
              <a:spcBef>
                <a:spcPts val="600"/>
              </a:spcBef>
              <a:spcAft>
                <a:spcPct val="0"/>
              </a:spcAft>
              <a:buClr>
                <a:schemeClr val="tx1"/>
              </a:buClr>
              <a:buSzPct val="100000"/>
              <a:buFont typeface="Calibri" panose="020F0502020204030204" pitchFamily="34" charset="0"/>
              <a:buChar char="​"/>
              <a:tabLst/>
              <a:defRPr/>
            </a:pPr>
            <a:r>
              <a:rPr lang="da-DK"/>
              <a:t>Klik her og tilføj billede via </a:t>
            </a:r>
            <a:r>
              <a:rPr lang="da-DK" err="1"/>
              <a:t>Templafy</a:t>
            </a:r>
            <a:r>
              <a:rPr lang="da-DK"/>
              <a:t> billedbibliotek</a:t>
            </a:r>
          </a:p>
          <a:p>
            <a:endParaRPr lang="da-DK"/>
          </a:p>
        </p:txBody>
      </p:sp>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accent1"/>
                </a:solidFill>
                <a:effectLst/>
                <a:latin typeface="AU Passata" pitchFamily="34" charset="0"/>
              </a:rPr>
              <a:t>Aarhus
Universitet</a:t>
            </a:r>
          </a:p>
        </p:txBody>
      </p:sp>
      <p:sp>
        <p:nvSpPr>
          <p:cNvPr id="26"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076" rIns="0" bIns="0" anchor="t" anchorCtr="0">
            <a:spAutoFit/>
          </a:bodyPr>
          <a:lstStyle/>
          <a:p>
            <a:pPr algn="r">
              <a:lnSpc>
                <a:spcPct val="95000"/>
              </a:lnSpc>
              <a:defRPr/>
            </a:pPr>
            <a:r>
              <a:rPr lang="da-DK" sz="700" b="0" cap="all" baseline="0">
                <a:solidFill>
                  <a:schemeClr val="bg1"/>
                </a:solidFill>
                <a:latin typeface="+mn-lt"/>
              </a:rPr>
              <a:t>DATO</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076" rIns="0" bIns="0" anchor="t" anchorCtr="0">
            <a:spAutoFit/>
          </a:bodyPr>
          <a:lstStyle/>
          <a:p>
            <a:pPr algn="l">
              <a:lnSpc>
                <a:spcPct val="95000"/>
              </a:lnSpc>
              <a:defRPr/>
            </a:pPr>
            <a:r>
              <a:rPr lang="da-DK" sz="700" b="0" cap="all" baseline="0">
                <a:solidFill>
                  <a:schemeClr val="bg1"/>
                </a:solidFill>
                <a:latin typeface="+mn-lt"/>
              </a:rPr>
              <a:t>TITEL</a:t>
            </a:r>
          </a:p>
        </p:txBody>
      </p:sp>
      <p:sp>
        <p:nvSpPr>
          <p:cNvPr id="27"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r>
              <a:rPr lang="da-DK" sz="700" b="0" cap="all" baseline="0">
                <a:solidFill>
                  <a:schemeClr val="bg1"/>
                </a:solidFill>
                <a:latin typeface="+mn-lt"/>
              </a:rPr>
              <a:t>TITEL</a:t>
            </a: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1911" rIns="0" bIns="0" anchor="t" anchorCtr="0">
            <a:spAutoFit/>
          </a:bodyPr>
          <a:lstStyle/>
          <a:p>
            <a:pPr algn="l">
              <a:lnSpc>
                <a:spcPct val="95000"/>
              </a:lnSpc>
              <a:defRPr/>
            </a:pPr>
            <a:r>
              <a:rPr lang="da-DK" sz="700" b="0" cap="all" baseline="0">
                <a:solidFill>
                  <a:schemeClr val="bg1"/>
                </a:solidFill>
                <a:latin typeface="+mn-lt"/>
              </a:rPr>
              <a:t>NAVN</a:t>
            </a:r>
          </a:p>
        </p:txBody>
      </p:sp>
      <p:pic>
        <p:nvPicPr>
          <p:cNvPr id="17" name="Au logo"/>
          <p:cNvPicPr>
            <a:picLocks noChangeAspect="1"/>
          </p:cNvPicPr>
          <p:nvPr userDrawn="1"/>
        </p:nvPicPr>
        <p:blipFill>
          <a:blip r:embed="rId2" cstate="print">
            <a:duotone>
              <a:prstClr val="black"/>
              <a:schemeClr val="accent1">
                <a:tint val="45000"/>
                <a:satMod val="400000"/>
              </a:schemeClr>
            </a:duotone>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1" y="5997602"/>
            <a:ext cx="71734" cy="557999"/>
          </a:xfrm>
          <a:prstGeom prst="rect">
            <a:avLst/>
          </a:prstGeom>
        </p:spPr>
      </p:pic>
      <p:pic>
        <p:nvPicPr>
          <p:cNvPr id="614507352" name="SecondaryLogo"/>
          <p:cNvPicPr>
            <a:picLocks noChangeAspect="1"/>
          </p:cNvPicPr>
          <p:nvPr/>
        </p:nvPicPr>
        <p:blipFill>
          <a:blip r:embed="rId4">
            <a:duotone>
              <a:prstClr val="black"/>
              <a:schemeClr val="accent1">
                <a:tint val="45000"/>
                <a:satMod val="400000"/>
              </a:schemeClr>
            </a:duotone>
          </a:blip>
          <a:stretch>
            <a:fillRect/>
          </a:stretch>
        </p:blipFill>
        <p:spPr>
          <a:xfrm>
            <a:off x="10206001" y="5997600"/>
            <a:ext cx="1658237" cy="558000"/>
          </a:xfrm>
          <a:prstGeom prst="rect">
            <a:avLst/>
          </a:prstGeom>
        </p:spPr>
      </p:pic>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D16303DC-AE31-429B-B3F1-DEAC3A634BBC}"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
        <p:nvSpPr>
          <p:cNvPr id="5" name="Text Placeholder 2">
            <a:extLst>
              <a:ext uri="{FF2B5EF4-FFF2-40B4-BE49-F238E27FC236}">
                <a16:creationId xmlns:a16="http://schemas.microsoft.com/office/drawing/2014/main" id="{1257501D-DD2A-E9E6-9B96-CAB3992E4058}"/>
              </a:ext>
            </a:extLst>
          </p:cNvPr>
          <p:cNvSpPr>
            <a:spLocks noGrp="1"/>
          </p:cNvSpPr>
          <p:nvPr>
            <p:ph type="body" sz="quarter" idx="13" hasCustomPrompt="1"/>
          </p:nvPr>
        </p:nvSpPr>
        <p:spPr>
          <a:xfrm>
            <a:off x="985839" y="3140968"/>
            <a:ext cx="10220325" cy="1800200"/>
          </a:xfrm>
        </p:spPr>
        <p:txBody>
          <a:bodyPr/>
          <a:lstStyle>
            <a:lvl1pPr marL="0" indent="0" algn="l">
              <a:lnSpc>
                <a:spcPct val="90000"/>
              </a:lnSpc>
              <a:spcBef>
                <a:spcPts val="0"/>
              </a:spcBef>
              <a:buSzPct val="250000"/>
              <a:buFontTx/>
              <a:buNone/>
              <a:defRPr sz="4999" b="0">
                <a:solidFill>
                  <a:schemeClr val="bg1"/>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6" name="Text Placeholder 2">
            <a:extLst>
              <a:ext uri="{FF2B5EF4-FFF2-40B4-BE49-F238E27FC236}">
                <a16:creationId xmlns:a16="http://schemas.microsoft.com/office/drawing/2014/main" id="{E29E28A1-97B7-F1CB-E6E2-1BDC8FD819E4}"/>
              </a:ext>
            </a:extLst>
          </p:cNvPr>
          <p:cNvSpPr>
            <a:spLocks noGrp="1"/>
          </p:cNvSpPr>
          <p:nvPr>
            <p:ph type="body" sz="quarter" idx="16" hasCustomPrompt="1"/>
          </p:nvPr>
        </p:nvSpPr>
        <p:spPr>
          <a:xfrm>
            <a:off x="1005389" y="1958977"/>
            <a:ext cx="10220325" cy="1187873"/>
          </a:xfrm>
        </p:spPr>
        <p:txBody>
          <a:bodyPr/>
          <a:lstStyle>
            <a:lvl1pPr marL="0" indent="0" algn="l">
              <a:lnSpc>
                <a:spcPct val="90000"/>
              </a:lnSpc>
              <a:spcBef>
                <a:spcPts val="0"/>
              </a:spcBef>
              <a:buSzPct val="250000"/>
              <a:buFontTx/>
              <a:buNone/>
              <a:defRPr sz="7998" b="1">
                <a:solidFill>
                  <a:schemeClr val="bg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Indsæt tal</a:t>
            </a:r>
          </a:p>
        </p:txBody>
      </p:sp>
      <p:sp>
        <p:nvSpPr>
          <p:cNvPr id="7" name="TextBox 8">
            <a:extLst>
              <a:ext uri="{FF2B5EF4-FFF2-40B4-BE49-F238E27FC236}">
                <a16:creationId xmlns:a16="http://schemas.microsoft.com/office/drawing/2014/main" id="{8AE98E6A-7C3F-D374-7D84-C4C452240E2C}"/>
              </a:ext>
            </a:extLst>
          </p:cNvPr>
          <p:cNvSpPr txBox="1"/>
          <p:nvPr userDrawn="1"/>
        </p:nvSpPr>
        <p:spPr>
          <a:xfrm>
            <a:off x="-2114500" y="3288986"/>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 med AU Passata Bold </a:t>
            </a:r>
            <a:br>
              <a:rPr lang="da-DK" sz="1000" noProof="1">
                <a:solidFill>
                  <a:schemeClr val="tx1">
                    <a:lumMod val="75000"/>
                    <a:lumOff val="25000"/>
                  </a:schemeClr>
                </a:solidFill>
              </a:rPr>
            </a:br>
            <a:r>
              <a:rPr lang="da-DK" sz="1000" noProof="1">
                <a:solidFill>
                  <a:schemeClr val="tx1">
                    <a:lumMod val="75000"/>
                    <a:lumOff val="25000"/>
                  </a:schemeClr>
                </a:solidFill>
              </a:rPr>
              <a:t>eller med din temafarve</a:t>
            </a:r>
            <a:endParaRPr lang="da-DK" sz="4798"/>
          </a:p>
        </p:txBody>
      </p:sp>
    </p:spTree>
    <p:extLst>
      <p:ext uri="{BB962C8B-B14F-4D97-AF65-F5344CB8AC3E}">
        <p14:creationId xmlns:p14="http://schemas.microsoft.com/office/powerpoint/2010/main" val="432282074"/>
      </p:ext>
    </p:extLst>
  </p:cSld>
  <p:clrMapOvr>
    <a:masterClrMapping/>
  </p:clrMapOvr>
  <p:transition spd="slow">
    <p:fade/>
  </p:transition>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Image slide">
    <p:spTree>
      <p:nvGrpSpPr>
        <p:cNvPr id="1" name=""/>
        <p:cNvGrpSpPr/>
        <p:nvPr/>
      </p:nvGrpSpPr>
      <p:grpSpPr>
        <a:xfrm>
          <a:off x="0" y="0"/>
          <a:ext cx="0" cy="0"/>
          <a:chOff x="0" y="0"/>
          <a:chExt cx="0" cy="0"/>
        </a:xfrm>
      </p:grpSpPr>
      <p:sp>
        <p:nvSpPr>
          <p:cNvPr id="5" name="Picture Placeholder 1"/>
          <p:cNvSpPr>
            <a:spLocks noGrp="1"/>
          </p:cNvSpPr>
          <p:nvPr>
            <p:ph type="pic" sz="quarter" idx="11" hasCustomPrompt="1"/>
          </p:nvPr>
        </p:nvSpPr>
        <p:spPr>
          <a:xfrm>
            <a:off x="304800" y="316800"/>
            <a:ext cx="11571600" cy="55836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304A3479-99DD-4350-B63E-A2147C0CB07D}" type="datetime1">
              <a:rPr lang="da-DK" smtClean="0"/>
              <a:t>09-04-2026</a:t>
            </a:fld>
            <a:r>
              <a:rPr lang="da-DK"/>
              <a:t>18-08-2024</a:t>
            </a:r>
          </a:p>
        </p:txBody>
      </p:sp>
      <p:sp>
        <p:nvSpPr>
          <p:cNvPr id="7" name="Footer Placeholder 6" hidden="1"/>
          <p:cNvSpPr>
            <a:spLocks noGrp="1"/>
          </p:cNvSpPr>
          <p:nvPr>
            <p:ph type="ftr" sz="quarter" idx="13"/>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400845773"/>
      </p:ext>
    </p:extLst>
  </p:cSld>
  <p:clrMapOvr>
    <a:masterClrMapping/>
  </p:clrMapOvr>
  <p:transition spd="slow">
    <p:fade/>
  </p:transition>
</p:sldLayout>
</file>

<file path=ppt/slideLayouts/slideLayout165.xml><?xml version="1.0" encoding="utf-8"?>
<p:sldLayout xmlns:a="http://schemas.openxmlformats.org/drawingml/2006/main" xmlns:r="http://schemas.openxmlformats.org/officeDocument/2006/relationships" xmlns:p="http://schemas.openxmlformats.org/presentationml/2006/main" showMasterSp="0" preserve="1" userDrawn="1">
  <p:cSld name="Full slide image">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315913" y="315913"/>
            <a:ext cx="11557000" cy="6220354"/>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89A56796-DD61-49CF-B6E2-1C42CFC612D7}" type="datetime1">
              <a:rPr lang="da-DK" smtClean="0"/>
              <a:t>09-04-2026</a:t>
            </a:fld>
            <a:r>
              <a:rPr lang="da-DK"/>
              <a:t>18-08-2024</a:t>
            </a:r>
          </a:p>
        </p:txBody>
      </p:sp>
      <p:sp>
        <p:nvSpPr>
          <p:cNvPr id="7" name="Footer Placeholder 6" hidden="1"/>
          <p:cNvSpPr>
            <a:spLocks noGrp="1"/>
          </p:cNvSpPr>
          <p:nvPr>
            <p:ph type="ftr" sz="quarter" idx="13"/>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479936066"/>
      </p:ext>
    </p:extLst>
  </p:cSld>
  <p:clrMapOvr>
    <a:masterClrMapping/>
  </p:clrMapOvr>
  <p:transition spd="slow">
    <p:fade/>
  </p:transition>
</p:sldLayout>
</file>

<file path=ppt/slideLayouts/slideLayout166.xml><?xml version="1.0" encoding="utf-8"?>
<p:sldLayout xmlns:a="http://schemas.openxmlformats.org/drawingml/2006/main" xmlns:r="http://schemas.openxmlformats.org/officeDocument/2006/relationships" xmlns:p="http://schemas.openxmlformats.org/presentationml/2006/main" showMasterSp="0" preserve="1" userDrawn="1">
  <p:cSld name="Full slide image and text">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0" y="15097"/>
            <a:ext cx="12200490" cy="6842905"/>
          </a:xfrm>
          <a:solidFill>
            <a:schemeClr val="bg1">
              <a:lumMod val="85000"/>
            </a:schemeClr>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6" name="Date Placeholder 5" hidden="1"/>
          <p:cNvSpPr>
            <a:spLocks noGrp="1"/>
          </p:cNvSpPr>
          <p:nvPr>
            <p:ph type="dt" sz="half" idx="12"/>
          </p:nvPr>
        </p:nvSpPr>
        <p:spPr/>
        <p:txBody>
          <a:bodyPr/>
          <a:lstStyle/>
          <a:p>
            <a:fld id="{867A6450-E16D-4E64-AA2C-F4F2F0D5C7D3}" type="datetime1">
              <a:rPr lang="da-DK" smtClean="0"/>
              <a:t>09-04-2026</a:t>
            </a:fld>
            <a:r>
              <a:rPr lang="da-DK"/>
              <a:t>18-08-2024</a:t>
            </a:r>
          </a:p>
        </p:txBody>
      </p:sp>
      <p:sp>
        <p:nvSpPr>
          <p:cNvPr id="7" name="Footer Placeholder 6" hidden="1"/>
          <p:cNvSpPr>
            <a:spLocks noGrp="1"/>
          </p:cNvSpPr>
          <p:nvPr>
            <p:ph type="ftr" sz="quarter" idx="13"/>
          </p:nvPr>
        </p:nvSpPr>
        <p:spPr>
          <a:xfrm>
            <a:off x="0" y="7020000"/>
            <a:ext cx="0" cy="0"/>
          </a:xfrm>
          <a:prstGeom prst="rect">
            <a:avLst/>
          </a:prstGeom>
        </p:spPr>
        <p:txBody>
          <a:bodyPr/>
          <a:lstStyle/>
          <a:p>
            <a:endParaRPr lang="da-DK"/>
          </a:p>
        </p:txBody>
      </p:sp>
      <p:sp>
        <p:nvSpPr>
          <p:cNvPr id="5" name="Text Placeholder 2">
            <a:extLst>
              <a:ext uri="{FF2B5EF4-FFF2-40B4-BE49-F238E27FC236}">
                <a16:creationId xmlns:a16="http://schemas.microsoft.com/office/drawing/2014/main" id="{1FB32875-847E-8263-8860-F349AB225C61}"/>
              </a:ext>
            </a:extLst>
          </p:cNvPr>
          <p:cNvSpPr>
            <a:spLocks noGrp="1"/>
          </p:cNvSpPr>
          <p:nvPr>
            <p:ph type="body" sz="quarter" idx="16" hasCustomPrompt="1"/>
          </p:nvPr>
        </p:nvSpPr>
        <p:spPr>
          <a:xfrm>
            <a:off x="1005390" y="1958977"/>
            <a:ext cx="10200774" cy="2406129"/>
          </a:xfrm>
        </p:spPr>
        <p:txBody>
          <a:bodyPr/>
          <a:lstStyle>
            <a:lvl1pPr marL="0" indent="0" algn="l">
              <a:lnSpc>
                <a:spcPct val="100000"/>
              </a:lnSpc>
              <a:spcBef>
                <a:spcPts val="0"/>
              </a:spcBef>
              <a:buSzPct val="250000"/>
              <a:buFontTx/>
              <a:buNone/>
              <a:defRPr sz="5998" b="1">
                <a:solidFill>
                  <a:schemeClr val="bg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9" name="TextBox 14">
            <a:extLst>
              <a:ext uri="{FF2B5EF4-FFF2-40B4-BE49-F238E27FC236}">
                <a16:creationId xmlns:a16="http://schemas.microsoft.com/office/drawing/2014/main" id="{F18146A3-DF8B-4368-3C6D-76DBC005B016}"/>
              </a:ext>
            </a:extLst>
          </p:cNvPr>
          <p:cNvSpPr txBox="1"/>
          <p:nvPr userDrawn="1"/>
        </p:nvSpPr>
        <p:spPr>
          <a:xfrm>
            <a:off x="-1973598" y="3082506"/>
            <a:ext cx="1825892" cy="923330"/>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Juster evt billedets farve</a:t>
            </a:r>
            <a:br>
              <a:rPr lang="da-DK" sz="1000" baseline="0" noProof="1">
                <a:solidFill>
                  <a:schemeClr val="tx1">
                    <a:lumMod val="75000"/>
                    <a:lumOff val="25000"/>
                  </a:schemeClr>
                </a:solidFill>
              </a:rPr>
            </a:br>
            <a:r>
              <a:rPr lang="da-DK" sz="1000" baseline="0" noProof="1">
                <a:solidFill>
                  <a:schemeClr val="tx1">
                    <a:lumMod val="75000"/>
                    <a:lumOff val="25000"/>
                  </a:schemeClr>
                </a:solidFill>
              </a:rPr>
              <a:t>med din temafarve</a:t>
            </a:r>
            <a:br>
              <a:rPr lang="da-DK" sz="1000" baseline="0" noProof="1">
                <a:solidFill>
                  <a:schemeClr val="tx1">
                    <a:lumMod val="75000"/>
                    <a:lumOff val="25000"/>
                  </a:schemeClr>
                </a:solidFill>
              </a:rPr>
            </a:br>
            <a:r>
              <a:rPr lang="da-DK" sz="1000" baseline="0" noProof="1">
                <a:solidFill>
                  <a:schemeClr val="tx1">
                    <a:lumMod val="75000"/>
                    <a:lumOff val="25000"/>
                  </a:schemeClr>
                </a:solidFill>
              </a:rPr>
              <a:t>under  Format &gt; Farve</a:t>
            </a:r>
          </a:p>
          <a:p>
            <a:pPr algn="r">
              <a:lnSpc>
                <a:spcPct val="100000"/>
              </a:lnSpc>
            </a:pPr>
            <a:endParaRPr lang="da-DK" sz="1000" baseline="0" noProof="1">
              <a:solidFill>
                <a:schemeClr val="tx1">
                  <a:lumMod val="75000"/>
                  <a:lumOff val="25000"/>
                </a:schemeClr>
              </a:solidFill>
            </a:endParaRPr>
          </a:p>
          <a:p>
            <a:pPr algn="r">
              <a:lnSpc>
                <a:spcPct val="100000"/>
              </a:lnSpc>
            </a:pPr>
            <a:r>
              <a:rPr lang="da-DK" sz="1000" baseline="0" noProof="1">
                <a:solidFill>
                  <a:schemeClr val="tx1">
                    <a:lumMod val="75000"/>
                    <a:lumOff val="25000"/>
                  </a:schemeClr>
                </a:solidFill>
              </a:rPr>
              <a:t>Vær obs på at der er god kontrast mellem tekst og billede</a:t>
            </a:r>
            <a:endParaRPr lang="da-DK" sz="4798"/>
          </a:p>
        </p:txBody>
      </p:sp>
    </p:spTree>
    <p:extLst>
      <p:ext uri="{BB962C8B-B14F-4D97-AF65-F5344CB8AC3E}">
        <p14:creationId xmlns:p14="http://schemas.microsoft.com/office/powerpoint/2010/main" val="342624970"/>
      </p:ext>
    </p:extLst>
  </p:cSld>
  <p:clrMapOvr>
    <a:masterClrMapping/>
  </p:clrMapOvr>
  <p:transition spd="slow">
    <p:fade/>
  </p:transition>
</p:sldLayout>
</file>

<file path=ppt/slideLayouts/slideLayout167.xml><?xml version="1.0" encoding="utf-8"?>
<p:sldLayout xmlns:a="http://schemas.openxmlformats.org/drawingml/2006/main" xmlns:r="http://schemas.openxmlformats.org/officeDocument/2006/relationships" xmlns:p="http://schemas.openxmlformats.org/presentationml/2006/main" preserve="1" userDrawn="1">
  <p:cSld name="Two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2425" y="316800"/>
            <a:ext cx="5649175" cy="55836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5" name="Picture Placeholder 2"/>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9" name="Slide Number Placeholder 8"/>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45D93A4E-9F51-4AEA-9C44-BA60D75484A9}" type="datetime1">
              <a:rPr lang="da-DK" smtClean="0"/>
              <a:t>09-04-2026</a:t>
            </a:fld>
            <a:r>
              <a:rPr lang="da-DK"/>
              <a:t>18-08-2024</a:t>
            </a:r>
          </a:p>
        </p:txBody>
      </p:sp>
      <p:sp>
        <p:nvSpPr>
          <p:cNvPr id="8" name="Footer Placeholder 7" hidden="1"/>
          <p:cNvSpPr>
            <a:spLocks noGrp="1"/>
          </p:cNvSpPr>
          <p:nvPr>
            <p:ph type="ftr" sz="quarter" idx="14"/>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40909642"/>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4">
          <p15:clr>
            <a:srgbClr val="A4A3A4"/>
          </p15:clr>
        </p15:guide>
      </p15:sldGuideLst>
    </p:ext>
  </p:extLst>
</p:sldLayout>
</file>

<file path=ppt/slideLayouts/slideLayout168.xml><?xml version="1.0" encoding="utf-8"?>
<p:sldLayout xmlns:a="http://schemas.openxmlformats.org/drawingml/2006/main" xmlns:r="http://schemas.openxmlformats.org/officeDocument/2006/relationships" xmlns:p="http://schemas.openxmlformats.org/presentationml/2006/main" preserve="1" userDrawn="1">
  <p:cSld name="Two pictures full page">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032AF5F5-2757-C1D7-0411-64772C7AC3F3}"/>
              </a:ext>
            </a:extLst>
          </p:cNvPr>
          <p:cNvSpPr/>
          <p:nvPr userDrawn="1"/>
        </p:nvSpPr>
        <p:spPr bwMode="auto">
          <a:xfrm>
            <a:off x="-31923" y="2"/>
            <a:ext cx="12188826" cy="6836063"/>
          </a:xfrm>
          <a:prstGeom prst="rect">
            <a:avLst/>
          </a:prstGeom>
          <a:solidFill>
            <a:schemeClr val="bg1"/>
          </a:solidFill>
          <a:ln w="1778" cap="flat" cmpd="sng" algn="ctr">
            <a:noFill/>
            <a:prstDash val="solid"/>
            <a:round/>
            <a:headEnd type="none" w="med" len="med"/>
            <a:tailEnd type="none" w="med" len="med"/>
          </a:ln>
          <a:effectLst/>
        </p:spPr>
        <p:txBody>
          <a:bodyPr vert="horz" wrap="square" lIns="91416" tIns="45708" rIns="91416" bIns="45708" numCol="1" rtlCol="0" anchor="t" anchorCtr="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4" name="Picture Placeholder 1"/>
          <p:cNvSpPr>
            <a:spLocks noGrp="1"/>
          </p:cNvSpPr>
          <p:nvPr>
            <p:ph type="pic" sz="quarter" idx="11" hasCustomPrompt="1"/>
          </p:nvPr>
        </p:nvSpPr>
        <p:spPr>
          <a:xfrm>
            <a:off x="304800" y="316801"/>
            <a:ext cx="5656800" cy="6241163"/>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5" name="Picture Placeholder 2"/>
          <p:cNvSpPr>
            <a:spLocks noGrp="1"/>
          </p:cNvSpPr>
          <p:nvPr>
            <p:ph type="pic" sz="quarter" idx="12" hasCustomPrompt="1"/>
          </p:nvPr>
        </p:nvSpPr>
        <p:spPr>
          <a:xfrm>
            <a:off x="6231600" y="316800"/>
            <a:ext cx="5644800" cy="6241162"/>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9" name="Slide Number Placeholder 8"/>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E3FD2774-2E94-457B-8C3A-570C248ACB6D}" type="datetime1">
              <a:rPr lang="da-DK" smtClean="0"/>
              <a:t>09-04-2026</a:t>
            </a:fld>
            <a:r>
              <a:rPr lang="da-DK"/>
              <a:t>18-08-2024</a:t>
            </a:r>
          </a:p>
        </p:txBody>
      </p:sp>
      <p:sp>
        <p:nvSpPr>
          <p:cNvPr id="8" name="Footer Placeholder 7" hidden="1"/>
          <p:cNvSpPr>
            <a:spLocks noGrp="1"/>
          </p:cNvSpPr>
          <p:nvPr>
            <p:ph type="ftr" sz="quarter" idx="14"/>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991480564"/>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4">
          <p15:clr>
            <a:srgbClr val="A4A3A4"/>
          </p15:clr>
        </p15:guide>
      </p15:sldGuideLst>
    </p:ext>
  </p:extLst>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Three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2425" y="316800"/>
            <a:ext cx="5649175" cy="26532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7" name="Picture Placeholder 2"/>
          <p:cNvSpPr>
            <a:spLocks noGrp="1"/>
          </p:cNvSpPr>
          <p:nvPr>
            <p:ph type="pic" sz="quarter" idx="13" hasCustomPrompt="1"/>
          </p:nvPr>
        </p:nvSpPr>
        <p:spPr>
          <a:xfrm>
            <a:off x="312424" y="3237372"/>
            <a:ext cx="5649176" cy="26532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5" name="Picture Placeholder 3"/>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1F4688AE-5396-497D-B12C-B5721BC09917}" type="datetime1">
              <a:rPr lang="da-DK" smtClean="0"/>
              <a:t>09-04-2026</a:t>
            </a:fld>
            <a:r>
              <a:rPr lang="da-DK"/>
              <a:t>18-08-2024</a:t>
            </a:r>
          </a:p>
        </p:txBody>
      </p:sp>
      <p:sp>
        <p:nvSpPr>
          <p:cNvPr id="9" name="Footer Placeholder 8" hidden="1"/>
          <p:cNvSpPr>
            <a:spLocks noGrp="1"/>
          </p:cNvSpPr>
          <p:nvPr>
            <p:ph type="ftr" sz="quarter" idx="15"/>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834598437"/>
      </p:ext>
    </p:extLst>
  </p:cSld>
  <p:clrMapOvr>
    <a:masterClrMapping/>
  </p:clrMapOvr>
  <p:transition spd="slow">
    <p:fade/>
  </p:transition>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t">
    <p:spTree>
      <p:nvGrpSpPr>
        <p:cNvPr id="1" name=""/>
        <p:cNvGrpSpPr/>
        <p:nvPr/>
      </p:nvGrpSpPr>
      <p:grpSpPr>
        <a:xfrm>
          <a:off x="0" y="0"/>
          <a:ext cx="0" cy="0"/>
          <a:chOff x="0" y="0"/>
          <a:chExt cx="0" cy="0"/>
        </a:xfrm>
      </p:grpSpPr>
      <p:sp>
        <p:nvSpPr>
          <p:cNvPr id="3" name="Rectangle 2"/>
          <p:cNvSpPr/>
          <p:nvPr userDrawn="1"/>
        </p:nvSpPr>
        <p:spPr bwMode="auto">
          <a:xfrm>
            <a:off x="765820" y="1340768"/>
            <a:ext cx="1224136" cy="504056"/>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Slide Number Placeholder 4"/>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467F1F2D-E2CC-4C26-A541-C68262121797}" type="datetime1">
              <a:rPr lang="da-DK" smtClean="0"/>
              <a:t>09-04-2026</a:t>
            </a:fld>
            <a:endParaRPr lang="da-DK"/>
          </a:p>
        </p:txBody>
      </p:sp>
      <p:sp>
        <p:nvSpPr>
          <p:cNvPr id="4" name="Footer Placeholder 3" hidden="1"/>
          <p:cNvSpPr>
            <a:spLocks noGrp="1"/>
          </p:cNvSpPr>
          <p:nvPr>
            <p:ph type="ftr" sz="quarter" idx="11"/>
          </p:nvPr>
        </p:nvSpPr>
        <p:spPr/>
        <p:txBody>
          <a:bodyPr/>
          <a:lstStyle/>
          <a:p>
            <a:endParaRPr lang="da-DK"/>
          </a:p>
        </p:txBody>
      </p:sp>
    </p:spTree>
  </p:cSld>
  <p:clrMapOvr>
    <a:masterClrMapping/>
  </p:clrMapOvr>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Three pictures II">
    <p:spTree>
      <p:nvGrpSpPr>
        <p:cNvPr id="1" name=""/>
        <p:cNvGrpSpPr/>
        <p:nvPr/>
      </p:nvGrpSpPr>
      <p:grpSpPr>
        <a:xfrm>
          <a:off x="0" y="0"/>
          <a:ext cx="0" cy="0"/>
          <a:chOff x="0" y="0"/>
          <a:chExt cx="0" cy="0"/>
        </a:xfrm>
      </p:grpSpPr>
      <p:sp>
        <p:nvSpPr>
          <p:cNvPr id="5" name="Picture Placeholder 1"/>
          <p:cNvSpPr>
            <a:spLocks noGrp="1"/>
          </p:cNvSpPr>
          <p:nvPr>
            <p:ph type="pic" sz="quarter" idx="12" hasCustomPrompt="1"/>
          </p:nvPr>
        </p:nvSpPr>
        <p:spPr>
          <a:xfrm>
            <a:off x="304800" y="316800"/>
            <a:ext cx="5656800" cy="55836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4" name="Picture Placeholder 2"/>
          <p:cNvSpPr>
            <a:spLocks noGrp="1"/>
          </p:cNvSpPr>
          <p:nvPr>
            <p:ph type="pic" sz="quarter" idx="11" hasCustomPrompt="1"/>
          </p:nvPr>
        </p:nvSpPr>
        <p:spPr>
          <a:xfrm>
            <a:off x="6231600" y="316800"/>
            <a:ext cx="5644800" cy="26532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7" name="Picture Placeholder 3"/>
          <p:cNvSpPr>
            <a:spLocks noGrp="1"/>
          </p:cNvSpPr>
          <p:nvPr>
            <p:ph type="pic" sz="quarter" idx="13" hasCustomPrompt="1"/>
          </p:nvPr>
        </p:nvSpPr>
        <p:spPr>
          <a:xfrm>
            <a:off x="6231600" y="3237372"/>
            <a:ext cx="5644800" cy="26532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91910084-8113-42DA-83EB-43B94B8A2475}" type="datetime1">
              <a:rPr lang="da-DK" smtClean="0"/>
              <a:t>09-04-2026</a:t>
            </a:fld>
            <a:r>
              <a:rPr lang="da-DK"/>
              <a:t>18-08-2024</a:t>
            </a:r>
          </a:p>
        </p:txBody>
      </p:sp>
      <p:sp>
        <p:nvSpPr>
          <p:cNvPr id="9" name="Footer Placeholder 8" hidden="1"/>
          <p:cNvSpPr>
            <a:spLocks noGrp="1"/>
          </p:cNvSpPr>
          <p:nvPr>
            <p:ph type="ftr" sz="quarter" idx="15"/>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39700805"/>
      </p:ext>
    </p:extLst>
  </p:cSld>
  <p:clrMapOvr>
    <a:masterClrMapping/>
  </p:clrMapOvr>
  <p:transition spd="slow">
    <p:fade/>
  </p:transition>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171.xml><?xml version="1.0" encoding="utf-8"?>
<p:sldLayout xmlns:a="http://schemas.openxmlformats.org/drawingml/2006/main" xmlns:r="http://schemas.openxmlformats.org/officeDocument/2006/relationships" xmlns:p="http://schemas.openxmlformats.org/presentationml/2006/main" showMasterSp="0" preserve="1" userDrawn="1">
  <p:cSld name="Full slide content">
    <p:spTree>
      <p:nvGrpSpPr>
        <p:cNvPr id="1" name=""/>
        <p:cNvGrpSpPr/>
        <p:nvPr/>
      </p:nvGrpSpPr>
      <p:grpSpPr>
        <a:xfrm>
          <a:off x="0" y="0"/>
          <a:ext cx="0" cy="0"/>
          <a:chOff x="0" y="0"/>
          <a:chExt cx="0" cy="0"/>
        </a:xfrm>
      </p:grpSpPr>
      <p:sp>
        <p:nvSpPr>
          <p:cNvPr id="5" name="Content Placeholder 1"/>
          <p:cNvSpPr>
            <a:spLocks noGrp="1"/>
          </p:cNvSpPr>
          <p:nvPr>
            <p:ph sz="quarter" idx="12" hasCustomPrompt="1"/>
          </p:nvPr>
        </p:nvSpPr>
        <p:spPr>
          <a:xfrm>
            <a:off x="307180" y="328613"/>
            <a:ext cx="11574463" cy="6252884"/>
          </a:xfrm>
        </p:spPr>
        <p:txBody>
          <a:bodyPr/>
          <a:lstStyle/>
          <a:p>
            <a:pPr lvl="0"/>
            <a:r>
              <a:rPr lang="da-DK"/>
              <a:t>Klik for at indsætte indhold</a:t>
            </a:r>
          </a:p>
          <a:p>
            <a:pPr lvl="1"/>
            <a:r>
              <a:rPr lang="da-DK"/>
              <a:t>Andet niveau</a:t>
            </a:r>
          </a:p>
          <a:p>
            <a:pPr lvl="2"/>
            <a:r>
              <a:rPr lang="da-DK"/>
              <a:t>Tredje niveau</a:t>
            </a:r>
          </a:p>
          <a:p>
            <a:pPr lvl="3"/>
            <a:r>
              <a:rPr lang="da-DK"/>
              <a:t>Fjerde niveau</a:t>
            </a:r>
          </a:p>
          <a:p>
            <a:pPr lvl="4"/>
            <a:r>
              <a:rPr lang="da-DK"/>
              <a:t>Femte niveau</a:t>
            </a:r>
          </a:p>
        </p:txBody>
      </p:sp>
      <p:sp>
        <p:nvSpPr>
          <p:cNvPr id="8" name="Slide Number Placeholder 7"/>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02144F50-A815-423C-B5A8-FDD363240732}" type="datetime1">
              <a:rPr lang="da-DK" smtClean="0"/>
              <a:t>09-04-2026</a:t>
            </a:fld>
            <a:r>
              <a:rPr lang="da-DK"/>
              <a:t>18-08-2024</a:t>
            </a:r>
          </a:p>
        </p:txBody>
      </p:sp>
      <p:sp>
        <p:nvSpPr>
          <p:cNvPr id="7" name="Footer Placeholder 6" hidden="1"/>
          <p:cNvSpPr>
            <a:spLocks noGrp="1"/>
          </p:cNvSpPr>
          <p:nvPr>
            <p:ph type="ftr" sz="quarter" idx="14"/>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790633927"/>
      </p:ext>
    </p:extLst>
  </p:cSld>
  <p:clrMapOvr>
    <a:masterClrMapping/>
  </p:clrMapOvr>
  <p:transition spd="slow">
    <p:fade/>
  </p:transition>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da-DK"/>
              <a:t>Klik for at </a:t>
            </a:r>
            <a:br>
              <a:rPr lang="da-DK"/>
            </a:br>
            <a:r>
              <a:rPr lang="da-DK"/>
              <a:t>indsætte titel</a:t>
            </a:r>
          </a:p>
        </p:txBody>
      </p:sp>
      <p:sp>
        <p:nvSpPr>
          <p:cNvPr id="6" name="TextBox 5"/>
          <p:cNvSpPr txBox="1"/>
          <p:nvPr userDrawn="1"/>
        </p:nvSpPr>
        <p:spPr>
          <a:xfrm>
            <a:off x="-2160354" y="1022478"/>
            <a:ext cx="2012649" cy="473425"/>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Light</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FC5A06EC-3678-494F-B45C-7DD078FEAD9F}"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882726795"/>
      </p:ext>
    </p:extLst>
  </p:cSld>
  <p:clrMapOvr>
    <a:masterClrMapping/>
  </p:clrMapOvr>
  <p:transition spd="slow">
    <p:fade/>
  </p:transition>
</p:sldLayout>
</file>

<file path=ppt/slideLayouts/slideLayout173.xml><?xml version="1.0" encoding="utf-8"?>
<p:sldLayout xmlns:a="http://schemas.openxmlformats.org/drawingml/2006/main" xmlns:r="http://schemas.openxmlformats.org/officeDocument/2006/relationships" xmlns:p="http://schemas.openxmlformats.org/presentationml/2006/main" type="blank" preserve="1">
  <p:cSld name="Empty">
    <p:spTree>
      <p:nvGrpSpPr>
        <p:cNvPr id="1" name=""/>
        <p:cNvGrpSpPr/>
        <p:nvPr/>
      </p:nvGrpSpPr>
      <p:grpSpPr>
        <a:xfrm>
          <a:off x="0" y="0"/>
          <a:ext cx="0" cy="0"/>
          <a:chOff x="0" y="0"/>
          <a:chExt cx="0" cy="0"/>
        </a:xfrm>
      </p:grpSpPr>
      <p:sp>
        <p:nvSpPr>
          <p:cNvPr id="3" name="Rectangle 2"/>
          <p:cNvSpPr/>
          <p:nvPr userDrawn="1"/>
        </p:nvSpPr>
        <p:spPr bwMode="auto">
          <a:xfrm>
            <a:off x="765820" y="1340768"/>
            <a:ext cx="1224136" cy="504056"/>
          </a:xfrm>
          <a:prstGeom prst="rect">
            <a:avLst/>
          </a:prstGeom>
          <a:solidFill>
            <a:schemeClr val="bg1"/>
          </a:solidFill>
          <a:ln w="1778" cap="flat" cmpd="sng" algn="ctr">
            <a:noFill/>
            <a:prstDash val="solid"/>
            <a:round/>
            <a:headEnd type="none" w="med" len="med"/>
            <a:tailEnd type="none" w="med" len="med"/>
          </a:ln>
          <a:effectLst/>
        </p:spPr>
        <p:txBody>
          <a:bodyPr vert="horz" wrap="square" lIns="91416" tIns="45708" rIns="91416" bIns="45708" numCol="1" rtlCol="0" anchor="t" anchorCtr="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Slide Number Placeholder 4"/>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6164687F-EA7C-47ED-98E9-0C0BA79ACC7B}" type="datetime1">
              <a:rPr lang="da-DK" smtClean="0"/>
              <a:t>09-04-2026</a:t>
            </a:fld>
            <a:r>
              <a:rPr lang="da-DK"/>
              <a:t>18-08-2024</a:t>
            </a:r>
          </a:p>
        </p:txBody>
      </p:sp>
      <p:sp>
        <p:nvSpPr>
          <p:cNvPr id="4" name="Footer Placeholder 3"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612506265"/>
      </p:ext>
    </p:extLst>
  </p:cSld>
  <p:clrMapOvr>
    <a:masterClrMapping/>
  </p:clrMapOvr>
  <p:transition spd="slow">
    <p:fade/>
  </p:transition>
</p:sldLayout>
</file>

<file path=ppt/slideLayouts/slideLayout174.xml><?xml version="1.0" encoding="utf-8"?>
<p:sldLayout xmlns:a="http://schemas.openxmlformats.org/drawingml/2006/main" xmlns:r="http://schemas.openxmlformats.org/officeDocument/2006/relationships" xmlns:p="http://schemas.openxmlformats.org/presentationml/2006/main" showMasterSp="0" preserve="1" userDrawn="1">
  <p:cSld name="Contact info">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6" name="Pladsholder til tekst 5">
            <a:extLst>
              <a:ext uri="{FF2B5EF4-FFF2-40B4-BE49-F238E27FC236}">
                <a16:creationId xmlns:a16="http://schemas.microsoft.com/office/drawing/2014/main" id="{23936382-D4B8-6A03-FACB-4B78070E00B6}"/>
              </a:ext>
            </a:extLst>
          </p:cNvPr>
          <p:cNvSpPr>
            <a:spLocks noGrp="1"/>
          </p:cNvSpPr>
          <p:nvPr>
            <p:ph type="body" sz="quarter" idx="13" hasCustomPrompt="1"/>
          </p:nvPr>
        </p:nvSpPr>
        <p:spPr>
          <a:xfrm>
            <a:off x="967978" y="2349276"/>
            <a:ext cx="10238120" cy="3455988"/>
          </a:xfrm>
        </p:spPr>
        <p:txBody>
          <a:bodyPr/>
          <a:lstStyle>
            <a:lvl1pPr>
              <a:defRPr sz="3999" b="1">
                <a:solidFill>
                  <a:schemeClr val="bg1"/>
                </a:solidFill>
              </a:defRPr>
            </a:lvl1pPr>
          </a:lstStyle>
          <a:p>
            <a:pPr lvl="0"/>
            <a:r>
              <a:rPr lang="da-DK"/>
              <a:t>Klik for at tilføje navn </a:t>
            </a:r>
            <a:br>
              <a:rPr lang="da-DK"/>
            </a:br>
            <a:r>
              <a:rPr lang="da-DK"/>
              <a:t>og info på afsender</a:t>
            </a:r>
          </a:p>
        </p:txBody>
      </p:sp>
      <p:sp>
        <p:nvSpPr>
          <p:cNvPr id="5" name="Date Placeholder 4" hidden="1"/>
          <p:cNvSpPr>
            <a:spLocks noGrp="1"/>
          </p:cNvSpPr>
          <p:nvPr>
            <p:ph type="dt" sz="half" idx="10"/>
          </p:nvPr>
        </p:nvSpPr>
        <p:spPr/>
        <p:txBody>
          <a:bodyPr/>
          <a:lstStyle/>
          <a:p>
            <a:fld id="{59354789-AC78-4106-8102-BFA8E202C565}" type="datetime1">
              <a:rPr lang="da-DK" smtClean="0"/>
              <a:t>09-04-2026</a:t>
            </a:fld>
            <a:r>
              <a:rPr lang="da-DK"/>
              <a:t>18-08-2024</a:t>
            </a:r>
          </a:p>
        </p:txBody>
      </p:sp>
      <p:sp>
        <p:nvSpPr>
          <p:cNvPr id="7"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9"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
        <p:nvSpPr>
          <p:cNvPr id="10" name="OFF_logo2Computed">
            <a:extLst>
              <a:ext uri="{FF2B5EF4-FFF2-40B4-BE49-F238E27FC236}">
                <a16:creationId xmlns:a16="http://schemas.microsoft.com/office/drawing/2014/main" id="{69645D9B-C2CF-73D0-42A6-B079A1FF8478}"/>
              </a:ext>
            </a:extLst>
          </p:cNvPr>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11" name="OFF_logo1Computed">
            <a:extLst>
              <a:ext uri="{FF2B5EF4-FFF2-40B4-BE49-F238E27FC236}">
                <a16:creationId xmlns:a16="http://schemas.microsoft.com/office/drawing/2014/main" id="{DEE90FB4-382B-63E6-F6B2-D64235EA20F8}"/>
              </a:ext>
            </a:extLst>
          </p:cNvPr>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12" name="Date_DateCustomA">
            <a:extLst>
              <a:ext uri="{FF2B5EF4-FFF2-40B4-BE49-F238E27FC236}">
                <a16:creationId xmlns:a16="http://schemas.microsoft.com/office/drawing/2014/main" id="{AD28D9C7-26B7-783C-5EFE-9BB253AAA726}"/>
              </a:ext>
            </a:extLst>
          </p:cNvPr>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076" rIns="0" bIns="0" anchor="t" anchorCtr="0">
            <a:spAutoFit/>
          </a:bodyPr>
          <a:lstStyle/>
          <a:p>
            <a:pPr algn="r">
              <a:lnSpc>
                <a:spcPct val="95000"/>
              </a:lnSpc>
              <a:defRPr/>
            </a:pPr>
            <a:r>
              <a:rPr lang="da-DK" sz="700" b="0" cap="all" baseline="0">
                <a:solidFill>
                  <a:schemeClr val="bg1"/>
                </a:solidFill>
                <a:latin typeface="+mn-lt"/>
              </a:rPr>
              <a:t>DATO</a:t>
            </a:r>
          </a:p>
        </p:txBody>
      </p:sp>
      <p:sp>
        <p:nvSpPr>
          <p:cNvPr id="13" name="USR_Title">
            <a:extLst>
              <a:ext uri="{FF2B5EF4-FFF2-40B4-BE49-F238E27FC236}">
                <a16:creationId xmlns:a16="http://schemas.microsoft.com/office/drawing/2014/main" id="{DB0D16C8-7603-CE82-B74B-D34DADAD4DD6}"/>
              </a:ext>
            </a:extLst>
          </p:cNvPr>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076" rIns="0" bIns="0" anchor="t" anchorCtr="0">
            <a:spAutoFit/>
          </a:bodyPr>
          <a:lstStyle/>
          <a:p>
            <a:pPr algn="l">
              <a:lnSpc>
                <a:spcPct val="95000"/>
              </a:lnSpc>
              <a:defRPr/>
            </a:pPr>
            <a:r>
              <a:rPr lang="da-DK" sz="700" b="0" cap="all" baseline="0">
                <a:solidFill>
                  <a:schemeClr val="bg1"/>
                </a:solidFill>
                <a:latin typeface="+mn-lt"/>
              </a:rPr>
              <a:t>TITEL</a:t>
            </a:r>
          </a:p>
        </p:txBody>
      </p:sp>
      <p:sp>
        <p:nvSpPr>
          <p:cNvPr id="14" name="FLD_Event">
            <a:extLst>
              <a:ext uri="{FF2B5EF4-FFF2-40B4-BE49-F238E27FC236}">
                <a16:creationId xmlns:a16="http://schemas.microsoft.com/office/drawing/2014/main" id="{A07F041F-669D-4EEA-12C8-48DBD35333ED}"/>
              </a:ext>
            </a:extLst>
          </p:cNvPr>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r>
              <a:rPr lang="da-DK" sz="700" b="0" cap="all" baseline="0">
                <a:solidFill>
                  <a:schemeClr val="bg1"/>
                </a:solidFill>
                <a:latin typeface="+mn-lt"/>
              </a:rPr>
              <a:t>TITEL</a:t>
            </a:r>
          </a:p>
        </p:txBody>
      </p:sp>
      <p:sp>
        <p:nvSpPr>
          <p:cNvPr id="15" name="USR_Name">
            <a:extLst>
              <a:ext uri="{FF2B5EF4-FFF2-40B4-BE49-F238E27FC236}">
                <a16:creationId xmlns:a16="http://schemas.microsoft.com/office/drawing/2014/main" id="{6910C27C-48FD-BBB4-F70B-7DF8A7FEAB24}"/>
              </a:ext>
            </a:extLst>
          </p:cNvPr>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1911" rIns="0" bIns="0" anchor="t" anchorCtr="0">
            <a:spAutoFit/>
          </a:bodyPr>
          <a:lstStyle/>
          <a:p>
            <a:pPr algn="l">
              <a:lnSpc>
                <a:spcPct val="95000"/>
              </a:lnSpc>
              <a:defRPr/>
            </a:pPr>
            <a:r>
              <a:rPr lang="da-DK" sz="700" b="0" cap="all" baseline="0">
                <a:solidFill>
                  <a:schemeClr val="bg1"/>
                </a:solidFill>
                <a:latin typeface="+mn-lt"/>
              </a:rPr>
              <a:t>NAVN</a:t>
            </a:r>
          </a:p>
        </p:txBody>
      </p:sp>
      <p:pic>
        <p:nvPicPr>
          <p:cNvPr id="16" name="Au logo">
            <a:extLst>
              <a:ext uri="{FF2B5EF4-FFF2-40B4-BE49-F238E27FC236}">
                <a16:creationId xmlns:a16="http://schemas.microsoft.com/office/drawing/2014/main" id="{21D938F2-1BB3-940B-2092-AA736456BB8A}"/>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17" name="Billede 16">
            <a:extLst>
              <a:ext uri="{FF2B5EF4-FFF2-40B4-BE49-F238E27FC236}">
                <a16:creationId xmlns:a16="http://schemas.microsoft.com/office/drawing/2014/main" id="{29FE7F52-51AA-FD02-3980-B49F21F2E31D}"/>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1" y="5997602"/>
            <a:ext cx="71734" cy="557999"/>
          </a:xfrm>
          <a:prstGeom prst="rect">
            <a:avLst/>
          </a:prstGeom>
        </p:spPr>
      </p:pic>
      <p:pic>
        <p:nvPicPr>
          <p:cNvPr id="18" name="SecondaryLogo">
            <a:extLst>
              <a:ext uri="{FF2B5EF4-FFF2-40B4-BE49-F238E27FC236}">
                <a16:creationId xmlns:a16="http://schemas.microsoft.com/office/drawing/2014/main" id="{17DF4D01-735F-599A-185E-8BAA75691A6E}"/>
              </a:ext>
            </a:extLst>
          </p:cNvPr>
          <p:cNvPicPr>
            <a:picLocks noChangeAspect="1"/>
          </p:cNvPicPr>
          <p:nvPr userDrawn="1"/>
        </p:nvPicPr>
        <p:blipFill>
          <a:blip r:embed="rId4"/>
          <a:stretch>
            <a:fillRect/>
          </a:stretch>
        </p:blipFill>
        <p:spPr>
          <a:xfrm>
            <a:off x="10206001" y="5997600"/>
            <a:ext cx="1658237" cy="558000"/>
          </a:xfrm>
          <a:prstGeom prst="rect">
            <a:avLst/>
          </a:prstGeom>
        </p:spPr>
      </p:pic>
      <p:sp>
        <p:nvSpPr>
          <p:cNvPr id="19" name="Slide Number Placeholder 3">
            <a:extLst>
              <a:ext uri="{FF2B5EF4-FFF2-40B4-BE49-F238E27FC236}">
                <a16:creationId xmlns:a16="http://schemas.microsoft.com/office/drawing/2014/main" id="{6BF279D5-8765-A372-AC1A-A142BC408C3F}"/>
              </a:ext>
            </a:extLst>
          </p:cNvPr>
          <p:cNvSpPr txBox="1">
            <a:spLocks/>
          </p:cNvSpPr>
          <p:nvPr userDrawn="1"/>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defPPr>
              <a:defRPr lang="en-US"/>
            </a:defPPr>
            <a:lvl1pPr algn="r" rtl="0" fontAlgn="base">
              <a:lnSpc>
                <a:spcPts val="1200"/>
              </a:lnSpc>
              <a:spcBef>
                <a:spcPct val="0"/>
              </a:spcBef>
              <a:spcAft>
                <a:spcPct val="0"/>
              </a:spcAft>
              <a:buFontTx/>
              <a:buNone/>
              <a:defRPr sz="700" kern="1200" spc="40" baseline="0">
                <a:solidFill>
                  <a:schemeClr val="bg1"/>
                </a:solidFill>
                <a:latin typeface="+mn-lt"/>
                <a:ea typeface="+mn-ea"/>
                <a:cs typeface="+mn-cs"/>
              </a:defRPr>
            </a:lvl1pPr>
            <a:lvl2pPr marL="60949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2pPr>
            <a:lvl3pPr marL="1218987"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3pPr>
            <a:lvl4pPr marL="1828480"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4pPr>
            <a:lvl5pPr marL="243797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5pPr>
            <a:lvl6pPr marL="3047467" algn="l" defTabSz="1218987" rtl="0" eaLnBrk="1" latinLnBrk="0" hangingPunct="1">
              <a:defRPr sz="4799" kern="1200">
                <a:solidFill>
                  <a:schemeClr val="tx1"/>
                </a:solidFill>
                <a:latin typeface="AU Passata" pitchFamily="34" charset="0"/>
                <a:ea typeface="+mn-ea"/>
                <a:cs typeface="+mn-cs"/>
              </a:defRPr>
            </a:lvl6pPr>
            <a:lvl7pPr marL="3656960" algn="l" defTabSz="1218987" rtl="0" eaLnBrk="1" latinLnBrk="0" hangingPunct="1">
              <a:defRPr sz="4799" kern="1200">
                <a:solidFill>
                  <a:schemeClr val="tx1"/>
                </a:solidFill>
                <a:latin typeface="AU Passata" pitchFamily="34" charset="0"/>
                <a:ea typeface="+mn-ea"/>
                <a:cs typeface="+mn-cs"/>
              </a:defRPr>
            </a:lvl7pPr>
            <a:lvl8pPr marL="4266453" algn="l" defTabSz="1218987" rtl="0" eaLnBrk="1" latinLnBrk="0" hangingPunct="1">
              <a:defRPr sz="4799" kern="1200">
                <a:solidFill>
                  <a:schemeClr val="tx1"/>
                </a:solidFill>
                <a:latin typeface="AU Passata" pitchFamily="34" charset="0"/>
                <a:ea typeface="+mn-ea"/>
                <a:cs typeface="+mn-cs"/>
              </a:defRPr>
            </a:lvl8pPr>
            <a:lvl9pPr marL="4875947" algn="l" defTabSz="1218987" rtl="0" eaLnBrk="1" latinLnBrk="0" hangingPunct="1">
              <a:defRPr sz="4799" kern="1200">
                <a:solidFill>
                  <a:schemeClr val="tx1"/>
                </a:solidFill>
                <a:latin typeface="AU Passata" pitchFamily="34" charset="0"/>
                <a:ea typeface="+mn-ea"/>
                <a:cs typeface="+mn-cs"/>
              </a:defRPr>
            </a:lvl9pPr>
          </a:lstStyle>
          <a:p>
            <a:pPr>
              <a:defRPr/>
            </a:pPr>
            <a:fld id="{E90C1E0A-682D-40DC-B1EA-26C007FDC330}" type="slidenum">
              <a:rPr lang="da-DK" sz="700" smtClean="0"/>
              <a:pPr>
                <a:defRPr/>
              </a:pPr>
              <a:t>‹#›</a:t>
            </a:fld>
            <a:endParaRPr lang="da-DK" sz="700"/>
          </a:p>
        </p:txBody>
      </p:sp>
      <p:sp>
        <p:nvSpPr>
          <p:cNvPr id="21" name="Pladsholder til tekst 20">
            <a:extLst>
              <a:ext uri="{FF2B5EF4-FFF2-40B4-BE49-F238E27FC236}">
                <a16:creationId xmlns:a16="http://schemas.microsoft.com/office/drawing/2014/main" id="{C44E4B1B-DF45-7F4B-6847-A79BE485DA08}"/>
              </a:ext>
            </a:extLst>
          </p:cNvPr>
          <p:cNvSpPr>
            <a:spLocks noGrp="1"/>
          </p:cNvSpPr>
          <p:nvPr>
            <p:ph type="body" sz="quarter" idx="14" hasCustomPrompt="1"/>
          </p:nvPr>
        </p:nvSpPr>
        <p:spPr>
          <a:xfrm>
            <a:off x="985838" y="1874614"/>
            <a:ext cx="10221324" cy="402258"/>
          </a:xfrm>
        </p:spPr>
        <p:txBody>
          <a:bodyPr/>
          <a:lstStyle>
            <a:lvl1pPr>
              <a:defRPr sz="1999">
                <a:solidFill>
                  <a:schemeClr val="bg1"/>
                </a:solidFill>
                <a:latin typeface="AU Passata Light" panose="020B0303030902030804" pitchFamily="34" charset="77"/>
              </a:defRPr>
            </a:lvl1pPr>
            <a:lvl2pPr marL="251924" indent="0">
              <a:buNone/>
              <a:defRPr>
                <a:latin typeface="AU Passata Light" panose="020B0303030902030804" pitchFamily="34" charset="77"/>
              </a:defRPr>
            </a:lvl2pPr>
            <a:lvl3pPr>
              <a:defRPr>
                <a:latin typeface="AU Passata Light" panose="020B0303030902030804" pitchFamily="34" charset="77"/>
              </a:defRPr>
            </a:lvl3pPr>
            <a:lvl4pPr>
              <a:defRPr>
                <a:latin typeface="AU Passata Light" panose="020B0303030902030804" pitchFamily="34" charset="77"/>
              </a:defRPr>
            </a:lvl4pPr>
            <a:lvl5pPr>
              <a:defRPr>
                <a:latin typeface="AU Passata Light" panose="020B0303030902030804" pitchFamily="34" charset="77"/>
              </a:defRPr>
            </a:lvl5pPr>
          </a:lstStyle>
          <a:p>
            <a:pPr lvl="0"/>
            <a:r>
              <a:rPr lang="da-DK"/>
              <a:t>KLIK FOR AT REDIGERE TEKSTTYPOGRAFIERNE I MASTEREN</a:t>
            </a:r>
          </a:p>
        </p:txBody>
      </p:sp>
    </p:spTree>
    <p:extLst>
      <p:ext uri="{BB962C8B-B14F-4D97-AF65-F5344CB8AC3E}">
        <p14:creationId xmlns:p14="http://schemas.microsoft.com/office/powerpoint/2010/main" val="1132188617"/>
      </p:ext>
    </p:extLst>
  </p:cSld>
  <p:clrMapOvr>
    <a:masterClrMapping/>
  </p:clrMapOvr>
  <p:transition spd="slow">
    <p:fade/>
  </p:transition>
</p:sldLayout>
</file>

<file path=ppt/slideLayouts/slideLayout175.xml><?xml version="1.0" encoding="utf-8"?>
<p:sldLayout xmlns:a="http://schemas.openxmlformats.org/drawingml/2006/main" xmlns:r="http://schemas.openxmlformats.org/officeDocument/2006/relationships" xmlns:p="http://schemas.openxmlformats.org/presentationml/2006/main" showMasterSp="0" preserve="1" userDrawn="1">
  <p:cSld name="End slide Aarhus Universitet">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5" name="LAN_AUWBreak"/>
          <p:cNvSpPr/>
          <p:nvPr userDrawn="1"/>
        </p:nvSpPr>
        <p:spPr bwMode="auto">
          <a:xfrm>
            <a:off x="6022613" y="2804402"/>
            <a:ext cx="2912657" cy="1293389"/>
          </a:xfrm>
          <a:prstGeom prst="rect">
            <a:avLst/>
          </a:prstGeom>
          <a:noFill/>
          <a:ln w="1778" cap="flat" cmpd="sng" algn="ctr">
            <a:noFill/>
            <a:prstDash val="solid"/>
            <a:round/>
            <a:headEnd type="none" w="med" len="med"/>
            <a:tailEnd type="none" w="med" len="med"/>
          </a:ln>
          <a:effectLst/>
        </p:spPr>
        <p:txBody>
          <a:bodyPr vert="horz" wrap="none" lIns="0" tIns="183552"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3999" b="0" i="0" u="none" strike="noStrike" cap="all" normalizeH="0" baseline="0" noProof="1">
                <a:ln>
                  <a:noFill/>
                </a:ln>
                <a:solidFill>
                  <a:schemeClr val="bg1"/>
                </a:solidFill>
                <a:effectLst/>
                <a:latin typeface="AU Passata" pitchFamily="34" charset="0"/>
              </a:rPr>
              <a:t>Aarhus 
Universitet</a:t>
            </a:r>
          </a:p>
        </p:txBody>
      </p:sp>
      <p:pic>
        <p:nvPicPr>
          <p:cNvPr id="6" name="Logo white"/>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318268" y="2864711"/>
            <a:ext cx="2228400" cy="1116990"/>
          </a:xfrm>
          <a:prstGeom prst="rect">
            <a:avLst/>
          </a:prstGeom>
        </p:spPr>
      </p:pic>
      <p:sp>
        <p:nvSpPr>
          <p:cNvPr id="7" name="Date Placeholder 4" hidden="1"/>
          <p:cNvSpPr>
            <a:spLocks noGrp="1"/>
          </p:cNvSpPr>
          <p:nvPr>
            <p:ph type="dt" sz="half" idx="10"/>
          </p:nvPr>
        </p:nvSpPr>
        <p:spPr>
          <a:xfrm>
            <a:off x="0" y="7020000"/>
            <a:ext cx="0" cy="0"/>
          </a:xfrm>
        </p:spPr>
        <p:txBody>
          <a:bodyPr/>
          <a:lstStyle/>
          <a:p>
            <a:fld id="{E97F42F4-F1FC-4195-8872-C2A9FCCD15FE}" type="datetime1">
              <a:rPr lang="da-DK" smtClean="0"/>
              <a:t>09-04-2026</a:t>
            </a:fld>
            <a:r>
              <a:rPr lang="da-DK"/>
              <a:t>18-08-2024</a:t>
            </a:r>
          </a:p>
        </p:txBody>
      </p:sp>
      <p:sp>
        <p:nvSpPr>
          <p:cNvPr id="9"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10"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3263440034"/>
      </p:ext>
    </p:extLst>
  </p:cSld>
  <p:clrMapOvr>
    <a:masterClrMapping/>
  </p:clrMapOvr>
  <p:transition spd="slow">
    <p:fade/>
  </p:transition>
</p:sldLayout>
</file>

<file path=ppt/slideLayouts/slideLayout176.xml><?xml version="1.0" encoding="utf-8"?>
<p:sldLayout xmlns:a="http://schemas.openxmlformats.org/drawingml/2006/main" xmlns:r="http://schemas.openxmlformats.org/officeDocument/2006/relationships" xmlns:p="http://schemas.openxmlformats.org/presentationml/2006/main" showMasterSp="0" preserve="1" userDrawn="1">
  <p:cSld name="End slide seal">
    <p:bg>
      <p:bgPr>
        <a:solidFill>
          <a:srgbClr val="004542"/>
        </a:solidFill>
        <a:effectLst/>
      </p:bgPr>
    </p:bg>
    <p:spTree>
      <p:nvGrpSpPr>
        <p:cNvPr id="1" name=""/>
        <p:cNvGrpSpPr/>
        <p:nvPr/>
      </p:nvGrpSpPr>
      <p:grpSpPr>
        <a:xfrm>
          <a:off x="0" y="0"/>
          <a:ext cx="0" cy="0"/>
          <a:chOff x="0" y="0"/>
          <a:chExt cx="0" cy="0"/>
        </a:xfrm>
      </p:grpSpPr>
      <p:pic>
        <p:nvPicPr>
          <p:cNvPr id="6"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828777" y="2163364"/>
            <a:ext cx="2531272" cy="2531272"/>
          </a:xfrm>
          <a:prstGeom prst="rect">
            <a:avLst/>
          </a:prstGeom>
        </p:spPr>
      </p:pic>
      <p:sp>
        <p:nvSpPr>
          <p:cNvPr id="5" name="Date Placeholder 4" hidden="1"/>
          <p:cNvSpPr>
            <a:spLocks noGrp="1"/>
          </p:cNvSpPr>
          <p:nvPr>
            <p:ph type="dt" sz="half" idx="10"/>
          </p:nvPr>
        </p:nvSpPr>
        <p:spPr/>
        <p:txBody>
          <a:bodyPr/>
          <a:lstStyle/>
          <a:p>
            <a:fld id="{5CB6B0C8-71D1-4AC8-B4DA-A41649D0B4F0}" type="datetime1">
              <a:rPr lang="da-DK" smtClean="0"/>
              <a:t>09-04-2026</a:t>
            </a:fld>
            <a:r>
              <a:rPr lang="da-DK"/>
              <a:t>18-08-2024</a:t>
            </a:r>
          </a:p>
        </p:txBody>
      </p:sp>
      <p:sp>
        <p:nvSpPr>
          <p:cNvPr id="7"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9"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673199834"/>
      </p:ext>
    </p:extLst>
  </p:cSld>
  <p:clrMapOvr>
    <a:masterClrMapping/>
  </p:clrMapOvr>
  <p:transition spd="slow">
    <p:fade/>
  </p:transition>
</p:sldLayout>
</file>

<file path=ppt/slideLayouts/slideLayout177.xml><?xml version="1.0" encoding="utf-8"?>
<p:sldLayout xmlns:a="http://schemas.openxmlformats.org/drawingml/2006/main" xmlns:r="http://schemas.openxmlformats.org/officeDocument/2006/relationships" xmlns:p="http://schemas.openxmlformats.org/presentationml/2006/main" showMasterSp="0" preserve="1" userDrawn="1">
  <p:cSld name="End slide">
    <p:bg>
      <p:bgPr>
        <a:solidFill>
          <a:schemeClr val="bg1"/>
        </a:solidFill>
        <a:effectLst/>
      </p:bgPr>
    </p:bg>
    <p:spTree>
      <p:nvGrpSpPr>
        <p:cNvPr id="1" name=""/>
        <p:cNvGrpSpPr/>
        <p:nvPr/>
      </p:nvGrpSpPr>
      <p:grpSpPr>
        <a:xfrm>
          <a:off x="0" y="0"/>
          <a:ext cx="0" cy="0"/>
          <a:chOff x="0" y="0"/>
          <a:chExt cx="0" cy="0"/>
        </a:xfrm>
      </p:grpSpPr>
      <p:sp>
        <p:nvSpPr>
          <p:cNvPr id="16"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34" name="Pladsholder til tekst 2"/>
          <p:cNvSpPr txBox="1">
            <a:spLocks/>
          </p:cNvSpPr>
          <p:nvPr userDrawn="1"/>
        </p:nvSpPr>
        <p:spPr>
          <a:xfrm>
            <a:off x="1090914" y="2098691"/>
            <a:ext cx="12745416" cy="1329861"/>
          </a:xfrm>
          <a:prstGeom prst="rect">
            <a:avLst/>
          </a:prstGeom>
        </p:spPr>
        <p:txBody>
          <a:bodyPr wrap="square" lIns="0" tIns="0" rIns="0" bIns="21594">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9997" kern="0">
                <a:solidFill>
                  <a:schemeClr val="accent6"/>
                </a:solidFill>
                <a:latin typeface="AU Peto" panose="040C0B07020602020301" pitchFamily="82" charset="0"/>
              </a:rPr>
              <a:t>Aarhus</a:t>
            </a:r>
            <a:endParaRPr lang="da-DK" sz="2199"/>
          </a:p>
        </p:txBody>
      </p:sp>
      <p:sp>
        <p:nvSpPr>
          <p:cNvPr id="6" name="Pladsholder til tekst 2"/>
          <p:cNvSpPr txBox="1">
            <a:spLocks/>
          </p:cNvSpPr>
          <p:nvPr userDrawn="1"/>
        </p:nvSpPr>
        <p:spPr>
          <a:xfrm>
            <a:off x="7439541" y="2093602"/>
            <a:ext cx="4356484" cy="1329861"/>
          </a:xfrm>
          <a:prstGeom prst="rect">
            <a:avLst/>
          </a:prstGeom>
        </p:spPr>
        <p:txBody>
          <a:bodyPr wrap="square" lIns="0" tIns="0" rIns="0" bIns="21594">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9997" kern="0" err="1">
                <a:solidFill>
                  <a:schemeClr val="bg1"/>
                </a:solidFill>
                <a:latin typeface="AU Peto" panose="040C0B07020602020301" pitchFamily="82" charset="0"/>
              </a:rPr>
              <a:t>uni</a:t>
            </a:r>
            <a:endParaRPr lang="da-DK" sz="9997" kern="0">
              <a:solidFill>
                <a:schemeClr val="bg1"/>
              </a:solidFill>
              <a:latin typeface="AU Peto" panose="040C0B07020602020301" pitchFamily="82" charset="0"/>
            </a:endParaRPr>
          </a:p>
        </p:txBody>
      </p:sp>
      <p:sp>
        <p:nvSpPr>
          <p:cNvPr id="7" name="Pladsholder til tekst 2"/>
          <p:cNvSpPr txBox="1">
            <a:spLocks/>
          </p:cNvSpPr>
          <p:nvPr userDrawn="1"/>
        </p:nvSpPr>
        <p:spPr>
          <a:xfrm>
            <a:off x="1881492" y="3428552"/>
            <a:ext cx="9289032" cy="1329861"/>
          </a:xfrm>
          <a:prstGeom prst="rect">
            <a:avLst/>
          </a:prstGeom>
        </p:spPr>
        <p:txBody>
          <a:bodyPr wrap="square" lIns="0" tIns="0" rIns="0" bIns="21594">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gn="ctr">
              <a:lnSpc>
                <a:spcPct val="85000"/>
              </a:lnSpc>
            </a:pPr>
            <a:r>
              <a:rPr lang="da-DK" sz="9997" kern="0" err="1">
                <a:solidFill>
                  <a:schemeClr val="bg1"/>
                </a:solidFill>
                <a:latin typeface="AU Peto" panose="040C0B07020602020301" pitchFamily="82" charset="0"/>
              </a:rPr>
              <a:t>versiet</a:t>
            </a:r>
            <a:endParaRPr lang="da-DK" sz="9997">
              <a:solidFill>
                <a:schemeClr val="bg1"/>
              </a:solidFill>
              <a:latin typeface="AU Peto" panose="040C0B07020602020301" pitchFamily="82" charset="0"/>
            </a:endParaRPr>
          </a:p>
        </p:txBody>
      </p:sp>
      <p:sp>
        <p:nvSpPr>
          <p:cNvPr id="8" name="Date Placeholder 4" hidden="1"/>
          <p:cNvSpPr>
            <a:spLocks noGrp="1"/>
          </p:cNvSpPr>
          <p:nvPr>
            <p:ph type="dt" sz="half" idx="10"/>
          </p:nvPr>
        </p:nvSpPr>
        <p:spPr>
          <a:xfrm>
            <a:off x="0" y="7020000"/>
            <a:ext cx="0" cy="0"/>
          </a:xfrm>
        </p:spPr>
        <p:txBody>
          <a:bodyPr/>
          <a:lstStyle/>
          <a:p>
            <a:fld id="{2CE4E725-0B70-47A2-918A-D12B667A7EE6}" type="datetime1">
              <a:rPr lang="da-DK" smtClean="0"/>
              <a:t>09-04-2026</a:t>
            </a:fld>
            <a:r>
              <a:rPr lang="da-DK"/>
              <a:t>18-08-2024</a:t>
            </a:r>
          </a:p>
        </p:txBody>
      </p:sp>
      <p:sp>
        <p:nvSpPr>
          <p:cNvPr id="9"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10"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2144437345"/>
      </p:ext>
    </p:extLst>
  </p:cSld>
  <p:clrMapOvr>
    <a:masterClrMapping/>
  </p:clrMapOvr>
  <p:transition spd="slow">
    <p:fade/>
  </p:transition>
</p:sldLayout>
</file>

<file path=ppt/slideLayouts/slideLayout178.xml><?xml version="1.0" encoding="utf-8"?>
<p:sldLayout xmlns:a="http://schemas.openxmlformats.org/drawingml/2006/main" xmlns:r="http://schemas.openxmlformats.org/officeDocument/2006/relationships" xmlns:p="http://schemas.openxmlformats.org/presentationml/2006/main" showMasterSp="0" userDrawn="1">
  <p:cSld name="Titeldias">
    <p:spTree>
      <p:nvGrpSpPr>
        <p:cNvPr id="1" name=""/>
        <p:cNvGrpSpPr/>
        <p:nvPr/>
      </p:nvGrpSpPr>
      <p:grpSpPr>
        <a:xfrm>
          <a:off x="0" y="0"/>
          <a:ext cx="0" cy="0"/>
          <a:chOff x="0" y="0"/>
          <a:chExt cx="0" cy="0"/>
        </a:xfrm>
      </p:grpSpPr>
      <p:pic>
        <p:nvPicPr>
          <p:cNvPr id="54" name="Farvet baggrund"/>
          <p:cNvPicPr preferRelativeResize="0">
            <a:picLocks/>
          </p:cNvPicPr>
          <p:nvPr userDrawn="1"/>
        </p:nvPicPr>
        <p:blipFill>
          <a:blip r:embed="rId2">
            <a:extLst>
              <a:ext uri="{28A0092B-C50C-407E-A947-70E740481C1C}">
                <a14:useLocalDpi xmlns:a14="http://schemas.microsoft.com/office/drawing/2010/main" val="0"/>
              </a:ext>
            </a:extLst>
          </a:blip>
          <a:stretch>
            <a:fillRect/>
          </a:stretch>
        </p:blipFill>
        <p:spPr>
          <a:xfrm>
            <a:off x="1" y="0"/>
            <a:ext cx="12188825" cy="6858000"/>
          </a:xfrm>
          <a:prstGeom prst="rect">
            <a:avLst/>
          </a:prstGeom>
          <a:solidFill>
            <a:schemeClr val="tx2"/>
          </a:solidFill>
        </p:spPr>
      </p:pic>
      <p:sp>
        <p:nvSpPr>
          <p:cNvPr id="34819" name="Title 1"/>
          <p:cNvSpPr>
            <a:spLocks noGrp="1" noChangeArrowheads="1"/>
          </p:cNvSpPr>
          <p:nvPr>
            <p:ph type="ctrTitle"/>
          </p:nvPr>
        </p:nvSpPr>
        <p:spPr>
          <a:xfrm>
            <a:off x="985839" y="2482345"/>
            <a:ext cx="10220325" cy="1661993"/>
          </a:xfrm>
        </p:spPr>
        <p:txBody>
          <a:bodyPr wrap="square" anchor="ctr" anchorCtr="0">
            <a:spAutoFit/>
          </a:bodyPr>
          <a:lstStyle>
            <a:lvl1pPr>
              <a:lnSpc>
                <a:spcPct val="90000"/>
              </a:lnSpc>
              <a:defRPr sz="5998" baseline="0">
                <a:solidFill>
                  <a:schemeClr val="bg1"/>
                </a:solidFill>
                <a:latin typeface="AU Passata Light" panose="020B0303030902030804" pitchFamily="34" charset="0"/>
              </a:defRPr>
            </a:lvl1pPr>
          </a:lstStyle>
          <a:p>
            <a:r>
              <a:rPr lang="da-DK"/>
              <a:t>Click to edit Master title style</a:t>
            </a:r>
          </a:p>
        </p:txBody>
      </p:sp>
      <p:sp>
        <p:nvSpPr>
          <p:cNvPr id="15" name="TextBox 14"/>
          <p:cNvSpPr txBox="1"/>
          <p:nvPr userDrawn="1"/>
        </p:nvSpPr>
        <p:spPr>
          <a:xfrm>
            <a:off x="-1973598" y="3082508"/>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sz="1799"/>
          </a:p>
          <a:p>
            <a:pPr algn="r">
              <a:lnSpc>
                <a:spcPct val="100000"/>
              </a:lnSpc>
            </a:pPr>
            <a:r>
              <a:rPr lang="da-DK" sz="1000" noProof="1">
                <a:solidFill>
                  <a:schemeClr val="tx1">
                    <a:lumMod val="75000"/>
                    <a:lumOff val="25000"/>
                  </a:schemeClr>
                </a:solidFill>
              </a:rPr>
              <a:t>AU Passata Bold</a:t>
            </a:r>
            <a:endParaRPr lang="da-DK" sz="4798"/>
          </a:p>
        </p:txBody>
      </p:sp>
      <p:sp>
        <p:nvSpPr>
          <p:cNvPr id="33"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5"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endParaRPr lang="da-DK" sz="700" b="0" cap="all" baseline="0">
              <a:solidFill>
                <a:schemeClr val="bg1"/>
              </a:solidFill>
              <a:latin typeface="+mn-lt"/>
            </a:endParaRPr>
          </a:p>
        </p:txBody>
      </p:sp>
      <p:sp>
        <p:nvSpPr>
          <p:cNvPr id="39" name="OFF_logo1Computed"/>
          <p:cNvSpPr/>
          <p:nvPr userDrawn="1"/>
        </p:nvSpPr>
        <p:spPr bwMode="auto">
          <a:xfrm>
            <a:off x="972000" y="5997602"/>
            <a:ext cx="65" cy="451123"/>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pic>
        <p:nvPicPr>
          <p:cNvPr id="16" name="Au logo"/>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sp>
        <p:nvSpPr>
          <p:cNvPr id="17"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E50C8D6F-843D-47D3-8D2E-D2049A6AA18B}" type="datetime1">
              <a:rPr lang="da-DK" smtClean="0"/>
              <a:t>09-04-2026</a:t>
            </a:fld>
            <a:r>
              <a:rPr lang="da-DK"/>
              <a:t>02-05-2025</a:t>
            </a:r>
          </a:p>
        </p:txBody>
      </p:sp>
      <p:sp>
        <p:nvSpPr>
          <p:cNvPr id="3" name="Footer Placeholder 2"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181202223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End slide Logo">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pic>
        <p:nvPicPr>
          <p:cNvPr id="6"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828776" y="2163364"/>
            <a:ext cx="2531272" cy="2531272"/>
          </a:xfrm>
          <a:prstGeom prst="rect">
            <a:avLst/>
          </a:prstGeom>
        </p:spPr>
      </p:pic>
      <p:sp>
        <p:nvSpPr>
          <p:cNvPr id="5" name="Date Placeholder 4" hidden="1"/>
          <p:cNvSpPr>
            <a:spLocks noGrp="1"/>
          </p:cNvSpPr>
          <p:nvPr>
            <p:ph type="dt" sz="half" idx="10"/>
          </p:nvPr>
        </p:nvSpPr>
        <p:spPr/>
        <p:txBody>
          <a:bodyPr/>
          <a:lstStyle/>
          <a:p>
            <a:fld id="{B0A61844-2F61-464C-A424-46B6695DBFEA}" type="datetime1">
              <a:rPr lang="da-DK" smtClean="0"/>
              <a:t>09-04-2026</a:t>
            </a:fld>
            <a:endParaRPr lang="da-DK"/>
          </a:p>
        </p:txBody>
      </p:sp>
      <p:sp>
        <p:nvSpPr>
          <p:cNvPr id="7" name="Footer Placeholder 6" hidden="1"/>
          <p:cNvSpPr>
            <a:spLocks noGrp="1"/>
          </p:cNvSpPr>
          <p:nvPr>
            <p:ph type="ftr" sz="quarter" idx="11"/>
          </p:nvPr>
        </p:nvSpPr>
        <p:spPr/>
        <p:txBody>
          <a:bodyPr/>
          <a:lstStyle/>
          <a:p>
            <a:endParaRPr lang="da-DK"/>
          </a:p>
        </p:txBody>
      </p:sp>
      <p:sp>
        <p:nvSpPr>
          <p:cNvPr id="9" name="Slide Number Placeholder 8" hidden="1"/>
          <p:cNvSpPr>
            <a:spLocks noGrp="1"/>
          </p:cNvSpPr>
          <p:nvPr>
            <p:ph type="sldNum" sz="quarter" idx="12"/>
          </p:nvPr>
        </p:nvSpPr>
        <p:spPr>
          <a:xfrm>
            <a:off x="0" y="7020000"/>
            <a:ext cx="0" cy="426079"/>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379744069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End slide">
    <p:bg>
      <p:bgPr>
        <a:solidFill>
          <a:schemeClr val="bg1"/>
        </a:solidFill>
        <a:effectLst/>
      </p:bgPr>
    </p:bg>
    <p:spTree>
      <p:nvGrpSpPr>
        <p:cNvPr id="1" name=""/>
        <p:cNvGrpSpPr/>
        <p:nvPr/>
      </p:nvGrpSpPr>
      <p:grpSpPr>
        <a:xfrm>
          <a:off x="0" y="0"/>
          <a:ext cx="0" cy="0"/>
          <a:chOff x="0" y="0"/>
          <a:chExt cx="0" cy="0"/>
        </a:xfrm>
      </p:grpSpPr>
      <p:sp>
        <p:nvSpPr>
          <p:cNvPr id="16"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34" name="Pladsholder til tekst 2"/>
          <p:cNvSpPr txBox="1">
            <a:spLocks/>
          </p:cNvSpPr>
          <p:nvPr userDrawn="1"/>
        </p:nvSpPr>
        <p:spPr>
          <a:xfrm>
            <a:off x="1090914" y="2098689"/>
            <a:ext cx="12745416"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a:solidFill>
                  <a:schemeClr val="accent6"/>
                </a:solidFill>
                <a:latin typeface="AU Peto" panose="040C0B07020602020301" pitchFamily="82" charset="0"/>
              </a:rPr>
              <a:t>Aarhus</a:t>
            </a:r>
            <a:endParaRPr lang="da-DK"/>
          </a:p>
        </p:txBody>
      </p:sp>
      <p:sp>
        <p:nvSpPr>
          <p:cNvPr id="6" name="Pladsholder til tekst 2"/>
          <p:cNvSpPr txBox="1">
            <a:spLocks/>
          </p:cNvSpPr>
          <p:nvPr userDrawn="1"/>
        </p:nvSpPr>
        <p:spPr>
          <a:xfrm>
            <a:off x="7439540" y="2093600"/>
            <a:ext cx="4356484"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err="1">
                <a:solidFill>
                  <a:schemeClr val="bg1"/>
                </a:solidFill>
                <a:latin typeface="AU Peto" panose="040C0B07020602020301" pitchFamily="82" charset="0"/>
              </a:rPr>
              <a:t>uni</a:t>
            </a:r>
            <a:endParaRPr lang="da-DK" sz="10000" kern="0">
              <a:solidFill>
                <a:schemeClr val="bg1"/>
              </a:solidFill>
              <a:latin typeface="AU Peto" panose="040C0B07020602020301" pitchFamily="82" charset="0"/>
            </a:endParaRPr>
          </a:p>
        </p:txBody>
      </p:sp>
      <p:sp>
        <p:nvSpPr>
          <p:cNvPr id="7" name="Pladsholder til tekst 2"/>
          <p:cNvSpPr txBox="1">
            <a:spLocks/>
          </p:cNvSpPr>
          <p:nvPr userDrawn="1"/>
        </p:nvSpPr>
        <p:spPr>
          <a:xfrm>
            <a:off x="1881492" y="3428550"/>
            <a:ext cx="9289032"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gn="ctr">
              <a:lnSpc>
                <a:spcPct val="85000"/>
              </a:lnSpc>
            </a:pPr>
            <a:r>
              <a:rPr lang="da-DK" sz="10000" kern="0" err="1">
                <a:solidFill>
                  <a:schemeClr val="bg1"/>
                </a:solidFill>
                <a:latin typeface="AU Peto" panose="040C0B07020602020301" pitchFamily="82" charset="0"/>
              </a:rPr>
              <a:t>versiet</a:t>
            </a:r>
            <a:endParaRPr lang="da-DK" sz="10000">
              <a:solidFill>
                <a:schemeClr val="bg1"/>
              </a:solidFill>
              <a:latin typeface="AU Peto" panose="040C0B07020602020301" pitchFamily="82" charset="0"/>
            </a:endParaRPr>
          </a:p>
        </p:txBody>
      </p:sp>
      <p:sp>
        <p:nvSpPr>
          <p:cNvPr id="8" name="Date Placeholder 4" hidden="1"/>
          <p:cNvSpPr>
            <a:spLocks noGrp="1"/>
          </p:cNvSpPr>
          <p:nvPr>
            <p:ph type="dt" sz="half" idx="10"/>
          </p:nvPr>
        </p:nvSpPr>
        <p:spPr>
          <a:xfrm>
            <a:off x="0" y="7020000"/>
            <a:ext cx="0" cy="0"/>
          </a:xfrm>
        </p:spPr>
        <p:txBody>
          <a:bodyPr/>
          <a:lstStyle/>
          <a:p>
            <a:fld id="{33B98020-2D73-47BB-B876-8827C2A88540}" type="datetime1">
              <a:rPr lang="da-DK" smtClean="0"/>
              <a:t>09-04-2026</a:t>
            </a:fld>
            <a:endParaRPr lang="da-DK"/>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0"/>
            <a:ext cx="0" cy="426079"/>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92624067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with text">
    <p:spTree>
      <p:nvGrpSpPr>
        <p:cNvPr id="1" name=""/>
        <p:cNvGrpSpPr/>
        <p:nvPr/>
      </p:nvGrpSpPr>
      <p:grpSpPr>
        <a:xfrm>
          <a:off x="0" y="0"/>
          <a:ext cx="0" cy="0"/>
          <a:chOff x="0" y="0"/>
          <a:chExt cx="0" cy="0"/>
        </a:xfrm>
      </p:grpSpPr>
      <p:sp>
        <p:nvSpPr>
          <p:cNvPr id="2" name="Date Placeholder 1" hidden="1"/>
          <p:cNvSpPr>
            <a:spLocks noGrp="1" noRot="1" noMove="1" noResize="1" noEditPoints="1" noAdjustHandles="1" noChangeArrowheads="1" noChangeShapeType="1"/>
          </p:cNvSpPr>
          <p:nvPr>
            <p:ph type="dt" sz="half" idx="12"/>
          </p:nvPr>
        </p:nvSpPr>
        <p:spPr>
          <a:xfrm>
            <a:off x="0" y="6858000"/>
            <a:ext cx="0" cy="0"/>
          </a:xfrm>
        </p:spPr>
        <p:txBody>
          <a:bodyPr/>
          <a:lstStyle/>
          <a:p>
            <a:fld id="{B107C36E-EFEB-466F-B7DA-5E0E7884A5C5}" type="datetime1">
              <a:rPr lang="da-DK" smtClean="0"/>
              <a:t>09-04-2026</a:t>
            </a:fld>
            <a:endParaRPr lang="da-DK"/>
          </a:p>
        </p:txBody>
      </p:sp>
      <p:sp>
        <p:nvSpPr>
          <p:cNvPr id="3" name="Footer Placeholder 2" hidden="1"/>
          <p:cNvSpPr>
            <a:spLocks noGrp="1" noRot="1" noMove="1" noResize="1" noEditPoints="1" noAdjustHandles="1" noChangeArrowheads="1" noChangeShapeType="1"/>
          </p:cNvSpPr>
          <p:nvPr>
            <p:ph type="ftr" sz="quarter" idx="13"/>
          </p:nvPr>
        </p:nvSpPr>
        <p:spPr>
          <a:xfrm>
            <a:off x="0" y="6858000"/>
            <a:ext cx="0" cy="0"/>
          </a:xfrm>
        </p:spPr>
        <p:txBody>
          <a:bodyPr/>
          <a:lstStyle/>
          <a:p>
            <a:endParaRPr lang="da-DK"/>
          </a:p>
        </p:txBody>
      </p:sp>
      <p:sp>
        <p:nvSpPr>
          <p:cNvPr id="22" name="TextBox 21"/>
          <p:cNvSpPr txBox="1"/>
          <p:nvPr userDrawn="1"/>
        </p:nvSpPr>
        <p:spPr>
          <a:xfrm>
            <a:off x="-2160355" y="2132856"/>
            <a:ext cx="2012649" cy="738664"/>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bold</a:t>
            </a:r>
            <a:endParaRPr lang="da-DK" sz="4799"/>
          </a:p>
        </p:txBody>
      </p:sp>
      <p:sp>
        <p:nvSpPr>
          <p:cNvPr id="21"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19" name="White Top Rectangle"/>
          <p:cNvSpPr>
            <a:spLocks noChangeArrowheads="1"/>
          </p:cNvSpPr>
          <p:nvPr userDrawn="1"/>
        </p:nvSpPr>
        <p:spPr bwMode="auto">
          <a:xfrm>
            <a:off x="985838" y="3443622"/>
            <a:ext cx="648000" cy="46800"/>
          </a:xfrm>
          <a:prstGeom prst="rect">
            <a:avLst/>
          </a:prstGeom>
          <a:solidFill>
            <a:schemeClr val="bg1"/>
          </a:solidFill>
          <a:ln w="9525">
            <a:noFill/>
            <a:miter lim="800000"/>
            <a:headEnd/>
            <a:tailEnd/>
          </a:ln>
          <a:effectLst/>
        </p:spPr>
        <p:txBody>
          <a:bodyPr wrap="none" anchor="ctr"/>
          <a:lstStyle/>
          <a:p>
            <a:pPr>
              <a:defRPr/>
            </a:pPr>
            <a:endParaRPr lang="da-DK" sz="4799"/>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streg"/>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34819" name="Title 1"/>
          <p:cNvSpPr>
            <a:spLocks noGrp="1" noChangeArrowheads="1"/>
          </p:cNvSpPr>
          <p:nvPr>
            <p:ph type="ctrTitle"/>
          </p:nvPr>
        </p:nvSpPr>
        <p:spPr>
          <a:xfrm>
            <a:off x="981844" y="1520315"/>
            <a:ext cx="9543307" cy="1779553"/>
          </a:xfrm>
        </p:spPr>
        <p:txBody>
          <a:bodyPr wrap="square" anchor="b" anchorCtr="0">
            <a:no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4" name="Text Placeholder 3"/>
          <p:cNvSpPr>
            <a:spLocks noGrp="1"/>
          </p:cNvSpPr>
          <p:nvPr>
            <p:ph type="body" sz="quarter" idx="11"/>
          </p:nvPr>
        </p:nvSpPr>
        <p:spPr>
          <a:xfrm>
            <a:off x="985838" y="3715431"/>
            <a:ext cx="7161212" cy="1746085"/>
          </a:xfrm>
        </p:spPr>
        <p:txBody>
          <a:bodyPr/>
          <a:lstStyle>
            <a:lvl1pPr marL="0" indent="0">
              <a:lnSpc>
                <a:spcPct val="101000"/>
              </a:lnSpc>
              <a:buFontTx/>
              <a:buNone/>
              <a:defRPr sz="2700" b="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Click to edit Master text styles</a:t>
            </a:r>
          </a:p>
        </p:txBody>
      </p:sp>
      <p:sp>
        <p:nvSpPr>
          <p:cNvPr id="8" name="Date_DateCustomA" descr="{&quot;templafy&quot;:{&quot;id&quot;:&quot;3c59d6fa-a734-405b-9361-b01c98aafeb2&quot;}}">
            <a:extLst>
              <a:ext uri="{FF2B5EF4-FFF2-40B4-BE49-F238E27FC236}">
                <a16:creationId xmlns:a16="http://schemas.microsoft.com/office/drawing/2014/main" id="{249423E2-54F8-7094-38E5-785211867F3D}"/>
              </a:ext>
            </a:extLst>
          </p:cNvPr>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1. oktober 2025</a:t>
            </a:r>
          </a:p>
        </p:txBody>
      </p:sp>
      <p:sp>
        <p:nvSpPr>
          <p:cNvPr id="7" name="FLD_Event" descr="{&quot;templafy&quot;:{&quot;id&quot;:&quot;c3ccde8e-823a-4434-9572-5c462459c79d&quot;}}">
            <a:extLst>
              <a:ext uri="{FF2B5EF4-FFF2-40B4-BE49-F238E27FC236}">
                <a16:creationId xmlns:a16="http://schemas.microsoft.com/office/drawing/2014/main" id="{163F40E2-4217-07B0-ECD8-2A4A14C886B5}"/>
              </a:ext>
            </a:extLst>
          </p:cNvPr>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bg1"/>
              </a:solidFill>
              <a:latin typeface="+mn-lt"/>
            </a:endParaRPr>
          </a:p>
        </p:txBody>
      </p:sp>
      <p:sp>
        <p:nvSpPr>
          <p:cNvPr id="41"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endParaRPr lang="da-DK" sz="700" b="0" cap="all" baseline="0">
              <a:solidFill>
                <a:schemeClr val="bg1"/>
              </a:solidFill>
              <a:latin typeface="+mn-lt"/>
            </a:endParaRPr>
          </a:p>
        </p:txBody>
      </p:sp>
      <p:sp>
        <p:nvSpPr>
          <p:cNvPr id="42" name="USR_Name" descr="{&quot;templafy&quot;:{&quot;id&quot;:&quot;8ecf3d9a-43a8-4840-8887-ac60853a3f12&quot;}}"/>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Laura Mikkelsen</a:t>
            </a:r>
          </a:p>
        </p:txBody>
      </p:sp>
      <p:pic>
        <p:nvPicPr>
          <p:cNvPr id="1913411506" name="SecondaryLogo" descr="{&quot;templafy&quot;:{&quot;id&quot;:&quot;db648793-381d-4fa9-87fd-0ae5cfc60e79&quot;}}"/>
          <p:cNvPicPr>
            <a:picLocks noChangeAspect="1"/>
          </p:cNvPicPr>
          <p:nvPr/>
        </p:nvPicPr>
        <p:blipFill>
          <a:blip r:embed="rId4"/>
          <a:stretch>
            <a:fillRect/>
          </a:stretch>
        </p:blipFill>
        <p:spPr>
          <a:xfrm>
            <a:off x="10206113" y="5999002"/>
            <a:ext cx="1659600" cy="558000"/>
          </a:xfrm>
          <a:prstGeom prst="rect">
            <a:avLst/>
          </a:prstGeom>
        </p:spPr>
      </p:pic>
      <p:sp>
        <p:nvSpPr>
          <p:cNvPr id="5" name="Slide Number Placeholder 4"/>
          <p:cNvSpPr>
            <a:spLocks noGrp="1"/>
          </p:cNvSpPr>
          <p:nvPr>
            <p:ph type="sldNum" sz="quarter" idx="14"/>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112700826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End slide Aarhus Universitet">
    <p:bg>
      <p:bgPr>
        <a:solidFill>
          <a:schemeClr val="bg1"/>
        </a:solidFill>
        <a:effectLst/>
      </p:bgPr>
    </p:bg>
    <p:spTree>
      <p:nvGrpSpPr>
        <p:cNvPr id="1" name=""/>
        <p:cNvGrpSpPr/>
        <p:nvPr/>
      </p:nvGrpSpPr>
      <p:grpSpPr>
        <a:xfrm>
          <a:off x="0" y="0"/>
          <a:ext cx="0" cy="0"/>
          <a:chOff x="0" y="0"/>
          <a:chExt cx="0" cy="0"/>
        </a:xfrm>
      </p:grpSpPr>
      <p:sp>
        <p:nvSpPr>
          <p:cNvPr id="7" name="Date Placeholder 4" hidden="1"/>
          <p:cNvSpPr>
            <a:spLocks noGrp="1"/>
          </p:cNvSpPr>
          <p:nvPr>
            <p:ph type="dt" sz="half" idx="10"/>
          </p:nvPr>
        </p:nvSpPr>
        <p:spPr>
          <a:xfrm>
            <a:off x="0" y="7020000"/>
            <a:ext cx="0" cy="0"/>
          </a:xfrm>
        </p:spPr>
        <p:txBody>
          <a:bodyPr/>
          <a:lstStyle/>
          <a:p>
            <a:fld id="{D6BDC3B3-EC50-4B36-A204-3046B8510BD9}" type="datetime1">
              <a:rPr lang="da-DK" smtClean="0"/>
              <a:t>09-04-2026</a:t>
            </a:fld>
            <a:endParaRPr lang="da-DK"/>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0"/>
            <a:ext cx="0" cy="426079"/>
          </a:xfrm>
        </p:spPr>
        <p:txBody>
          <a:bodyPr/>
          <a:lstStyle>
            <a:lvl1pPr>
              <a:defRPr sz="100">
                <a:noFill/>
              </a:defRPr>
            </a:lvl1pPr>
          </a:lstStyle>
          <a:p>
            <a:pPr>
              <a:defRPr/>
            </a:pPr>
            <a:fld id="{E90C1E0A-682D-40DC-B1EA-26C007FDC330}" type="slidenum">
              <a:rPr lang="da-DK" smtClean="0"/>
              <a:pPr>
                <a:defRPr/>
              </a:pPr>
              <a:t>‹#›</a:t>
            </a:fld>
            <a:endParaRPr lang="da-DK"/>
          </a:p>
        </p:txBody>
      </p:sp>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5" name="LAN_AUWBreak" descr="{&quot;templafy&quot;:{&quot;id&quot;:&quot;58832a3b-52e9-4bf5-8f76-eb447ffc344b&quot;}}"/>
          <p:cNvSpPr/>
          <p:nvPr userDrawn="1"/>
        </p:nvSpPr>
        <p:spPr bwMode="auto">
          <a:xfrm>
            <a:off x="6022613" y="2804400"/>
            <a:ext cx="4951677" cy="739391"/>
          </a:xfrm>
          <a:prstGeom prst="rect">
            <a:avLst/>
          </a:prstGeom>
          <a:noFill/>
          <a:ln w="1778" cap="flat" cmpd="sng" algn="ctr">
            <a:noFill/>
            <a:prstDash val="solid"/>
            <a:round/>
            <a:headEnd type="none" w="med" len="med"/>
            <a:tailEnd type="none" w="med" len="med"/>
          </a:ln>
          <a:effectLst/>
        </p:spPr>
        <p:txBody>
          <a:bodyPr vert="horz" wrap="none" lIns="0" tIns="183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4000" b="0" i="0" u="none" strike="noStrike" cap="all" normalizeH="0" baseline="0" noProof="1">
                <a:ln>
                  <a:noFill/>
                </a:ln>
                <a:solidFill>
                  <a:schemeClr val="bg1"/>
                </a:solidFill>
                <a:effectLst/>
                <a:latin typeface="AU Passata" pitchFamily="34" charset="0"/>
              </a:rPr>
              <a:t>Aarhus Universitet</a:t>
            </a:r>
          </a:p>
        </p:txBody>
      </p:sp>
      <p:pic>
        <p:nvPicPr>
          <p:cNvPr id="6" name="Logo white"/>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318268" y="2864711"/>
            <a:ext cx="2228400" cy="1116990"/>
          </a:xfrm>
          <a:prstGeom prst="rect">
            <a:avLst/>
          </a:prstGeom>
        </p:spPr>
      </p:pic>
    </p:spTree>
    <p:extLst>
      <p:ext uri="{BB962C8B-B14F-4D97-AF65-F5344CB8AC3E}">
        <p14:creationId xmlns:p14="http://schemas.microsoft.com/office/powerpoint/2010/main" val="412889669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Titeldias">
    <p:spTree>
      <p:nvGrpSpPr>
        <p:cNvPr id="1" name=""/>
        <p:cNvGrpSpPr/>
        <p:nvPr/>
      </p:nvGrpSpPr>
      <p:grpSpPr>
        <a:xfrm>
          <a:off x="0" y="0"/>
          <a:ext cx="0" cy="0"/>
          <a:chOff x="0" y="0"/>
          <a:chExt cx="0" cy="0"/>
        </a:xfrm>
      </p:grpSpPr>
      <p:pic>
        <p:nvPicPr>
          <p:cNvPr id="54" name="Farvet baggrund"/>
          <p:cNvPicPr preferRelativeResize="0">
            <a:picLocks/>
          </p:cNvPicPr>
          <p:nvPr userDrawn="1"/>
        </p:nvPicPr>
        <p:blipFill>
          <a:blip r:embed="rId2">
            <a:extLst>
              <a:ext uri="{28A0092B-C50C-407E-A947-70E740481C1C}">
                <a14:useLocalDpi xmlns:a14="http://schemas.microsoft.com/office/drawing/2010/main" val="0"/>
              </a:ext>
            </a:extLst>
          </a:blip>
          <a:stretch>
            <a:fillRect/>
          </a:stretch>
        </p:blipFill>
        <p:spPr>
          <a:xfrm>
            <a:off x="1" y="0"/>
            <a:ext cx="12188825" cy="6858000"/>
          </a:xfrm>
          <a:prstGeom prst="rect">
            <a:avLst/>
          </a:prstGeom>
          <a:solidFill>
            <a:schemeClr val="tx2"/>
          </a:solidFill>
        </p:spPr>
      </p:pic>
      <p:sp>
        <p:nvSpPr>
          <p:cNvPr id="34819" name="Title 1"/>
          <p:cNvSpPr>
            <a:spLocks noGrp="1" noChangeArrowheads="1"/>
          </p:cNvSpPr>
          <p:nvPr>
            <p:ph type="ctrTitle"/>
          </p:nvPr>
        </p:nvSpPr>
        <p:spPr>
          <a:xfrm>
            <a:off x="985839" y="2482345"/>
            <a:ext cx="10220325" cy="1661993"/>
          </a:xfrm>
        </p:spPr>
        <p:txBody>
          <a:bodyPr wrap="square" anchor="ctr" anchorCtr="0">
            <a:spAutoFit/>
          </a:bodyPr>
          <a:lstStyle>
            <a:lvl1pPr>
              <a:lnSpc>
                <a:spcPct val="90000"/>
              </a:lnSpc>
              <a:defRPr sz="5998" baseline="0">
                <a:solidFill>
                  <a:schemeClr val="bg1"/>
                </a:solidFill>
                <a:latin typeface="AU Passata Light" panose="020B0303030902030804" pitchFamily="34" charset="0"/>
              </a:defRPr>
            </a:lvl1pPr>
          </a:lstStyle>
          <a:p>
            <a:r>
              <a:rPr lang="da-DK"/>
              <a:t>Click to edit Master title style</a:t>
            </a:r>
          </a:p>
        </p:txBody>
      </p:sp>
      <p:sp>
        <p:nvSpPr>
          <p:cNvPr id="15" name="TextBox 14"/>
          <p:cNvSpPr txBox="1"/>
          <p:nvPr userDrawn="1"/>
        </p:nvSpPr>
        <p:spPr>
          <a:xfrm>
            <a:off x="-1973598" y="3082508"/>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sz="1799"/>
          </a:p>
          <a:p>
            <a:pPr algn="r">
              <a:lnSpc>
                <a:spcPct val="100000"/>
              </a:lnSpc>
            </a:pPr>
            <a:r>
              <a:rPr lang="da-DK" sz="1000" noProof="1">
                <a:solidFill>
                  <a:schemeClr val="tx1">
                    <a:lumMod val="75000"/>
                    <a:lumOff val="25000"/>
                  </a:schemeClr>
                </a:solidFill>
              </a:rPr>
              <a:t>AU Passata Bold</a:t>
            </a:r>
            <a:endParaRPr lang="da-DK" sz="4798"/>
          </a:p>
        </p:txBody>
      </p:sp>
      <p:sp>
        <p:nvSpPr>
          <p:cNvPr id="33"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5"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endParaRPr lang="da-DK" sz="700" b="0" cap="all" baseline="0">
              <a:solidFill>
                <a:schemeClr val="bg1"/>
              </a:solidFill>
              <a:latin typeface="+mn-lt"/>
            </a:endParaRPr>
          </a:p>
        </p:txBody>
      </p:sp>
      <p:sp>
        <p:nvSpPr>
          <p:cNvPr id="39" name="OFF_logo1Computed"/>
          <p:cNvSpPr/>
          <p:nvPr userDrawn="1"/>
        </p:nvSpPr>
        <p:spPr bwMode="auto">
          <a:xfrm>
            <a:off x="972000" y="5997602"/>
            <a:ext cx="65" cy="451123"/>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pic>
        <p:nvPicPr>
          <p:cNvPr id="16" name="Au logo"/>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sp>
        <p:nvSpPr>
          <p:cNvPr id="17"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708566A8-C48F-4D74-9411-9ED2C8DAC66D}" type="datetime1">
              <a:rPr lang="da-DK" smtClean="0"/>
              <a:t>09-04-2026</a:t>
            </a:fld>
            <a:r>
              <a:rPr lang="da-DK"/>
              <a:t>02-05-2025</a:t>
            </a:r>
          </a:p>
        </p:txBody>
      </p:sp>
      <p:sp>
        <p:nvSpPr>
          <p:cNvPr id="3" name="Footer Placeholder 2"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1579855006"/>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slide with text">
    <p:spTree>
      <p:nvGrpSpPr>
        <p:cNvPr id="1" name=""/>
        <p:cNvGrpSpPr/>
        <p:nvPr/>
      </p:nvGrpSpPr>
      <p:grpSpPr>
        <a:xfrm>
          <a:off x="0" y="0"/>
          <a:ext cx="0" cy="0"/>
          <a:chOff x="0" y="0"/>
          <a:chExt cx="0" cy="0"/>
        </a:xfrm>
      </p:grpSpPr>
      <p:sp>
        <p:nvSpPr>
          <p:cNvPr id="21"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19" name="White Top Rectangle"/>
          <p:cNvSpPr>
            <a:spLocks noChangeArrowheads="1"/>
          </p:cNvSpPr>
          <p:nvPr userDrawn="1"/>
        </p:nvSpPr>
        <p:spPr bwMode="auto">
          <a:xfrm>
            <a:off x="985839" y="3443622"/>
            <a:ext cx="648000" cy="46800"/>
          </a:xfrm>
          <a:prstGeom prst="rect">
            <a:avLst/>
          </a:prstGeom>
          <a:solidFill>
            <a:schemeClr val="bg1"/>
          </a:solidFill>
          <a:ln w="9525">
            <a:noFill/>
            <a:miter lim="800000"/>
            <a:headEnd/>
            <a:tailEnd/>
          </a:ln>
          <a:effectLst/>
        </p:spPr>
        <p:txBody>
          <a:bodyPr wrap="none" anchor="ctr"/>
          <a:lstStyle/>
          <a:p>
            <a:pPr>
              <a:defRPr/>
            </a:pPr>
            <a:endParaRPr lang="da-DK" sz="4798"/>
          </a:p>
        </p:txBody>
      </p:sp>
      <p:sp>
        <p:nvSpPr>
          <p:cNvPr id="34819" name="Title 1"/>
          <p:cNvSpPr>
            <a:spLocks noGrp="1" noChangeArrowheads="1"/>
          </p:cNvSpPr>
          <p:nvPr>
            <p:ph type="ctrTitle"/>
          </p:nvPr>
        </p:nvSpPr>
        <p:spPr>
          <a:xfrm>
            <a:off x="981845" y="1520317"/>
            <a:ext cx="9543307" cy="1779553"/>
          </a:xfrm>
        </p:spPr>
        <p:txBody>
          <a:bodyPr wrap="square" anchor="b" anchorCtr="0">
            <a:noAutofit/>
          </a:bodyPr>
          <a:lstStyle>
            <a:lvl1pPr>
              <a:lnSpc>
                <a:spcPct val="90000"/>
              </a:lnSpc>
              <a:defRPr sz="5998" baseline="0">
                <a:solidFill>
                  <a:schemeClr val="bg1"/>
                </a:solidFill>
                <a:latin typeface="AU Passata Light" panose="020B0303030902030804" pitchFamily="34" charset="0"/>
              </a:defRPr>
            </a:lvl1pPr>
          </a:lstStyle>
          <a:p>
            <a:r>
              <a:rPr lang="da-DK"/>
              <a:t>Click to edit Master title style</a:t>
            </a:r>
          </a:p>
        </p:txBody>
      </p:sp>
      <p:sp>
        <p:nvSpPr>
          <p:cNvPr id="4" name="Text Placeholder 3"/>
          <p:cNvSpPr>
            <a:spLocks noGrp="1"/>
          </p:cNvSpPr>
          <p:nvPr>
            <p:ph type="body" sz="quarter" idx="11"/>
          </p:nvPr>
        </p:nvSpPr>
        <p:spPr>
          <a:xfrm>
            <a:off x="985839" y="3715433"/>
            <a:ext cx="7161212" cy="1746085"/>
          </a:xfrm>
        </p:spPr>
        <p:txBody>
          <a:bodyPr/>
          <a:lstStyle>
            <a:lvl1pPr marL="0" indent="0">
              <a:lnSpc>
                <a:spcPct val="101000"/>
              </a:lnSpc>
              <a:buFontTx/>
              <a:buNone/>
              <a:defRPr sz="2699" b="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Click to edit Master text styles</a:t>
            </a:r>
          </a:p>
        </p:txBody>
      </p:sp>
      <p:sp>
        <p:nvSpPr>
          <p:cNvPr id="22" name="TextBox 21"/>
          <p:cNvSpPr txBox="1"/>
          <p:nvPr userDrawn="1"/>
        </p:nvSpPr>
        <p:spPr>
          <a:xfrm>
            <a:off x="-2160354" y="2132856"/>
            <a:ext cx="2012649" cy="738664"/>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bold</a:t>
            </a:r>
            <a:endParaRPr lang="da-DK" sz="4798"/>
          </a:p>
        </p:txBody>
      </p:sp>
      <p:sp>
        <p:nvSpPr>
          <p:cNvPr id="38"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43" name="OFF_logo1Computed"/>
          <p:cNvSpPr/>
          <p:nvPr userDrawn="1"/>
        </p:nvSpPr>
        <p:spPr bwMode="auto">
          <a:xfrm>
            <a:off x="972000" y="5997602"/>
            <a:ext cx="65" cy="451123"/>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sp>
        <p:nvSpPr>
          <p:cNvPr id="39"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076" rIns="0" bIns="0" anchor="t" anchorCtr="0">
            <a:spAutoFit/>
          </a:bodyPr>
          <a:lstStyle/>
          <a:p>
            <a:pPr algn="r">
              <a:lnSpc>
                <a:spcPct val="95000"/>
              </a:lnSpc>
              <a:defRPr/>
            </a:pPr>
            <a:r>
              <a:rPr lang="da-DK" sz="700" b="0" cap="all" baseline="0">
                <a:solidFill>
                  <a:schemeClr val="bg1"/>
                </a:solidFill>
                <a:latin typeface="+mn-lt"/>
              </a:rPr>
              <a:t>2. maj 2025</a:t>
            </a:r>
          </a:p>
        </p:txBody>
      </p:sp>
      <p:sp>
        <p:nvSpPr>
          <p:cNvPr id="41"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076" rIns="0" bIns="0" anchor="t" anchorCtr="0">
            <a:spAutoFit/>
          </a:bodyPr>
          <a:lstStyle/>
          <a:p>
            <a:pPr algn="l">
              <a:lnSpc>
                <a:spcPct val="95000"/>
              </a:lnSpc>
              <a:defRPr/>
            </a:pPr>
            <a:r>
              <a:rPr lang="da-DK" sz="700" b="0" cap="all" baseline="0">
                <a:solidFill>
                  <a:schemeClr val="bg1"/>
                </a:solidFill>
                <a:latin typeface="+mn-lt"/>
              </a:rPr>
              <a:t>Specialkonsulent </a:t>
            </a:r>
          </a:p>
        </p:txBody>
      </p:sp>
      <p:sp>
        <p:nvSpPr>
          <p:cNvPr id="40"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endParaRPr lang="da-DK" sz="700" b="0" cap="all" baseline="0">
              <a:solidFill>
                <a:schemeClr val="bg1"/>
              </a:solidFill>
              <a:latin typeface="+mn-lt"/>
            </a:endParaRPr>
          </a:p>
        </p:txBody>
      </p:sp>
      <p:sp>
        <p:nvSpPr>
          <p:cNvPr id="42"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1911" rIns="0" bIns="0" anchor="t" anchorCtr="0">
            <a:spAutoFit/>
          </a:bodyPr>
          <a:lstStyle/>
          <a:p>
            <a:pPr algn="l">
              <a:lnSpc>
                <a:spcPct val="95000"/>
              </a:lnSpc>
              <a:defRPr/>
            </a:pPr>
            <a:r>
              <a:rPr lang="da-DK" sz="700" b="0" cap="all" baseline="0">
                <a:solidFill>
                  <a:schemeClr val="bg1"/>
                </a:solidFill>
                <a:latin typeface="+mn-lt"/>
              </a:rPr>
              <a:t>Laura Mikkelse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streg"/>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1" y="5997602"/>
            <a:ext cx="71734" cy="557999"/>
          </a:xfrm>
          <a:prstGeom prst="rect">
            <a:avLst/>
          </a:prstGeom>
        </p:spPr>
      </p:pic>
      <p:sp>
        <p:nvSpPr>
          <p:cNvPr id="16"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5" name="Slide Number Placeholder 4"/>
          <p:cNvSpPr>
            <a:spLocks noGrp="1"/>
          </p:cNvSpPr>
          <p:nvPr>
            <p:ph type="sldNum" sz="quarter" idx="14"/>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2"/>
          </p:nvPr>
        </p:nvSpPr>
        <p:spPr/>
        <p:txBody>
          <a:bodyPr/>
          <a:lstStyle/>
          <a:p>
            <a:fld id="{BF01506C-6B85-4B92-AE40-731FFE3E125B}" type="datetime1">
              <a:rPr lang="da-DK" smtClean="0"/>
              <a:t>09-04-2026</a:t>
            </a:fld>
            <a:r>
              <a:rPr lang="da-DK"/>
              <a:t>02-05-2025</a:t>
            </a:r>
          </a:p>
        </p:txBody>
      </p:sp>
      <p:sp>
        <p:nvSpPr>
          <p:cNvPr id="3" name="Footer Placeholder 2"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352237532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Title slide no picture">
    <p:spTree>
      <p:nvGrpSpPr>
        <p:cNvPr id="1" name=""/>
        <p:cNvGrpSpPr/>
        <p:nvPr/>
      </p:nvGrpSpPr>
      <p:grpSpPr>
        <a:xfrm>
          <a:off x="0" y="0"/>
          <a:ext cx="0" cy="0"/>
          <a:chOff x="0" y="0"/>
          <a:chExt cx="0" cy="0"/>
        </a:xfrm>
      </p:grpSpPr>
      <p:sp>
        <p:nvSpPr>
          <p:cNvPr id="22"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34819" name="Title 1"/>
          <p:cNvSpPr>
            <a:spLocks noGrp="1" noChangeArrowheads="1"/>
          </p:cNvSpPr>
          <p:nvPr>
            <p:ph type="ctrTitle"/>
          </p:nvPr>
        </p:nvSpPr>
        <p:spPr>
          <a:xfrm>
            <a:off x="985839" y="2482345"/>
            <a:ext cx="10220325" cy="1661993"/>
          </a:xfrm>
        </p:spPr>
        <p:txBody>
          <a:bodyPr wrap="square" anchor="ctr" anchorCtr="0">
            <a:spAutoFit/>
          </a:bodyPr>
          <a:lstStyle>
            <a:lvl1pPr>
              <a:lnSpc>
                <a:spcPct val="90000"/>
              </a:lnSpc>
              <a:defRPr sz="5998" baseline="0">
                <a:solidFill>
                  <a:schemeClr val="bg1"/>
                </a:solidFill>
                <a:latin typeface="AU Passata Light" panose="020B0303030902030804" pitchFamily="34" charset="0"/>
              </a:defRPr>
            </a:lvl1pPr>
          </a:lstStyle>
          <a:p>
            <a:r>
              <a:rPr lang="da-DK"/>
              <a:t>Click to edit Master title style</a:t>
            </a:r>
          </a:p>
        </p:txBody>
      </p:sp>
      <p:sp>
        <p:nvSpPr>
          <p:cNvPr id="14" name="TextBox 13"/>
          <p:cNvSpPr txBox="1"/>
          <p:nvPr userDrawn="1"/>
        </p:nvSpPr>
        <p:spPr>
          <a:xfrm>
            <a:off x="-1973598" y="3082508"/>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sz="1799"/>
          </a:p>
          <a:p>
            <a:pPr algn="r">
              <a:lnSpc>
                <a:spcPct val="100000"/>
              </a:lnSpc>
            </a:pPr>
            <a:r>
              <a:rPr lang="da-DK" sz="1000" noProof="1">
                <a:solidFill>
                  <a:schemeClr val="tx1">
                    <a:lumMod val="75000"/>
                    <a:lumOff val="25000"/>
                  </a:schemeClr>
                </a:solidFill>
              </a:rPr>
              <a:t>AU Passata Bold</a:t>
            </a:r>
            <a:endParaRPr lang="da-DK" sz="4798"/>
          </a:p>
        </p:txBody>
      </p:sp>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2000" y="5997602"/>
            <a:ext cx="65" cy="451123"/>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sp>
        <p:nvSpPr>
          <p:cNvPr id="26"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076" rIns="0" bIns="0" anchor="t" anchorCtr="0">
            <a:spAutoFit/>
          </a:bodyPr>
          <a:lstStyle/>
          <a:p>
            <a:pPr algn="r">
              <a:lnSpc>
                <a:spcPct val="95000"/>
              </a:lnSpc>
              <a:defRPr/>
            </a:pPr>
            <a:r>
              <a:rPr lang="da-DK" sz="700" b="0" cap="all" baseline="0">
                <a:solidFill>
                  <a:schemeClr val="bg1"/>
                </a:solidFill>
                <a:latin typeface="+mn-lt"/>
              </a:rPr>
              <a:t>2. maj 2025</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076" rIns="0" bIns="0" anchor="t" anchorCtr="0">
            <a:spAutoFit/>
          </a:bodyPr>
          <a:lstStyle/>
          <a:p>
            <a:pPr algn="l">
              <a:lnSpc>
                <a:spcPct val="95000"/>
              </a:lnSpc>
              <a:defRPr/>
            </a:pPr>
            <a:r>
              <a:rPr lang="da-DK" sz="700" b="0" cap="all" baseline="0">
                <a:solidFill>
                  <a:schemeClr val="bg1"/>
                </a:solidFill>
                <a:latin typeface="+mn-lt"/>
              </a:rPr>
              <a:t>Specialkonsulent </a:t>
            </a:r>
          </a:p>
        </p:txBody>
      </p:sp>
      <p:sp>
        <p:nvSpPr>
          <p:cNvPr id="27"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endParaRPr lang="da-DK" sz="700" b="0" cap="all" baseline="0">
              <a:solidFill>
                <a:schemeClr val="bg1"/>
              </a:solidFill>
              <a:latin typeface="+mn-lt"/>
            </a:endParaRP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1911" rIns="0" bIns="0" anchor="t" anchorCtr="0">
            <a:spAutoFit/>
          </a:bodyPr>
          <a:lstStyle/>
          <a:p>
            <a:pPr algn="l">
              <a:lnSpc>
                <a:spcPct val="95000"/>
              </a:lnSpc>
              <a:defRPr/>
            </a:pPr>
            <a:r>
              <a:rPr lang="da-DK" sz="700" b="0" cap="all" baseline="0">
                <a:solidFill>
                  <a:schemeClr val="bg1"/>
                </a:solidFill>
                <a:latin typeface="+mn-lt"/>
              </a:rPr>
              <a:t>Laura Mikkelse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1" y="5997602"/>
            <a:ext cx="71734" cy="557999"/>
          </a:xfrm>
          <a:prstGeom prst="rect">
            <a:avLst/>
          </a:prstGeom>
        </p:spPr>
      </p:pic>
      <p:sp>
        <p:nvSpPr>
          <p:cNvPr id="15"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AF472DED-A561-4B2F-A8E5-DB59EC47BAB4}" type="datetime1">
              <a:rPr lang="da-DK" smtClean="0"/>
              <a:t>09-04-2026</a:t>
            </a:fld>
            <a:r>
              <a:rPr lang="da-DK"/>
              <a:t>02-05-2025</a:t>
            </a:r>
          </a:p>
        </p:txBody>
      </p:sp>
      <p:sp>
        <p:nvSpPr>
          <p:cNvPr id="3" name="Footer Placeholder 2"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4783416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og indholdsobjekt">
    <p:spTree>
      <p:nvGrpSpPr>
        <p:cNvPr id="1" name=""/>
        <p:cNvGrpSpPr/>
        <p:nvPr/>
      </p:nvGrpSpPr>
      <p:grpSpPr>
        <a:xfrm>
          <a:off x="0" y="0"/>
          <a:ext cx="0" cy="0"/>
          <a:chOff x="0" y="0"/>
          <a:chExt cx="0" cy="0"/>
        </a:xfrm>
      </p:grpSpPr>
      <p:sp>
        <p:nvSpPr>
          <p:cNvPr id="6" name="Title 1"/>
          <p:cNvSpPr>
            <a:spLocks noGrp="1"/>
          </p:cNvSpPr>
          <p:nvPr>
            <p:ph type="title"/>
          </p:nvPr>
        </p:nvSpPr>
        <p:spPr/>
        <p:txBody>
          <a:bodyPr/>
          <a:lstStyle/>
          <a:p>
            <a:r>
              <a:rPr lang="da-DK"/>
              <a:t>Click to edit Master title style</a:t>
            </a:r>
          </a:p>
        </p:txBody>
      </p:sp>
      <p:sp>
        <p:nvSpPr>
          <p:cNvPr id="3" name="Content Placeholder 2"/>
          <p:cNvSpPr>
            <a:spLocks noGrp="1"/>
          </p:cNvSpPr>
          <p:nvPr>
            <p:ph idx="1"/>
          </p:nvPr>
        </p:nvSpPr>
        <p:spPr>
          <a:xfrm>
            <a:off x="985839" y="1960079"/>
            <a:ext cx="10220325" cy="393748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5" name="TextBox 4"/>
          <p:cNvSpPr txBox="1"/>
          <p:nvPr userDrawn="1"/>
        </p:nvSpPr>
        <p:spPr>
          <a:xfrm>
            <a:off x="-1973598" y="340163"/>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sz="1799"/>
          </a:p>
          <a:p>
            <a:pPr algn="r">
              <a:lnSpc>
                <a:spcPct val="100000"/>
              </a:lnSpc>
            </a:pPr>
            <a:r>
              <a:rPr lang="da-DK" sz="1000" baseline="0" noProof="1">
                <a:solidFill>
                  <a:schemeClr val="tx1">
                    <a:lumMod val="75000"/>
                    <a:lumOff val="25000"/>
                  </a:schemeClr>
                </a:solidFill>
              </a:rPr>
              <a:t>ændr 2. linje til</a:t>
            </a:r>
            <a:endParaRPr lang="da-DK" sz="1799"/>
          </a:p>
          <a:p>
            <a:pPr algn="r">
              <a:lnSpc>
                <a:spcPct val="100000"/>
              </a:lnSpc>
            </a:pPr>
            <a:r>
              <a:rPr lang="da-DK" sz="1000" noProof="1">
                <a:solidFill>
                  <a:schemeClr val="tx1">
                    <a:lumMod val="75000"/>
                    <a:lumOff val="25000"/>
                  </a:schemeClr>
                </a:solidFill>
              </a:rPr>
              <a:t>AU Passata Bold</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18CCCDBC-811B-4652-A923-865701120A9F}" type="datetime1">
              <a:rPr lang="da-DK" smtClean="0"/>
              <a:t>09-04-2026</a:t>
            </a:fld>
            <a:r>
              <a:rPr lang="da-DK"/>
              <a:t>02-05-2025</a:t>
            </a:r>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2157813557"/>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One line title and bullet text">
    <p:spTree>
      <p:nvGrpSpPr>
        <p:cNvPr id="1" name=""/>
        <p:cNvGrpSpPr/>
        <p:nvPr/>
      </p:nvGrpSpPr>
      <p:grpSpPr>
        <a:xfrm>
          <a:off x="0" y="0"/>
          <a:ext cx="0" cy="0"/>
          <a:chOff x="0" y="0"/>
          <a:chExt cx="0" cy="0"/>
        </a:xfrm>
      </p:grpSpPr>
      <p:sp>
        <p:nvSpPr>
          <p:cNvPr id="5" name="Hvid baggrund"/>
          <p:cNvSpPr/>
          <p:nvPr userDrawn="1"/>
        </p:nvSpPr>
        <p:spPr bwMode="auto">
          <a:xfrm>
            <a:off x="0" y="-1"/>
            <a:ext cx="12193200" cy="5894387"/>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16" tIns="45708" rIns="91416" bIns="45708" numCol="1" spcCol="0" rtlCol="0" fromWordArt="0" anchor="t" anchorCtr="0" forceAA="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6" name="Black Rectangle"/>
          <p:cNvSpPr/>
          <p:nvPr userDrawn="1"/>
        </p:nvSpPr>
        <p:spPr>
          <a:xfrm>
            <a:off x="990000" y="1045684"/>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a:p>
            <a:pPr algn="ctr"/>
            <a:endParaRPr lang="da-DK" sz="4798"/>
          </a:p>
        </p:txBody>
      </p:sp>
      <p:sp>
        <p:nvSpPr>
          <p:cNvPr id="4" name="Title 1"/>
          <p:cNvSpPr>
            <a:spLocks noGrp="1"/>
          </p:cNvSpPr>
          <p:nvPr>
            <p:ph type="title"/>
          </p:nvPr>
        </p:nvSpPr>
        <p:spPr>
          <a:xfrm>
            <a:off x="315913" y="228629"/>
            <a:ext cx="11556000" cy="752101"/>
          </a:xfrm>
        </p:spPr>
        <p:txBody>
          <a:bodyPr anchor="t" anchorCtr="0"/>
          <a:lstStyle/>
          <a:p>
            <a:r>
              <a:rPr lang="da-DK"/>
              <a:t>Click to edit Master title style</a:t>
            </a:r>
          </a:p>
        </p:txBody>
      </p:sp>
      <p:sp>
        <p:nvSpPr>
          <p:cNvPr id="3" name="Content Placeholder 2"/>
          <p:cNvSpPr>
            <a:spLocks noGrp="1"/>
          </p:cNvSpPr>
          <p:nvPr>
            <p:ph idx="1"/>
          </p:nvPr>
        </p:nvSpPr>
        <p:spPr>
          <a:xfrm>
            <a:off x="985839" y="1373021"/>
            <a:ext cx="10220325" cy="4521366"/>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18" name="TextBox 17"/>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DD34647A-8FBD-4245-9BED-F4F5AC271BCF}" type="datetime1">
              <a:rPr lang="da-DK" smtClean="0"/>
              <a:t>09-04-2026</a:t>
            </a:fld>
            <a:r>
              <a:rPr lang="da-DK"/>
              <a:t>02-05-2025</a:t>
            </a:r>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745982919"/>
      </p:ext>
    </p:extLst>
  </p:cSld>
  <p:clrMapOvr>
    <a:masterClrMapping/>
  </p:clrMapOvr>
  <p:extLst>
    <p:ext uri="{DCECCB84-F9BA-43D5-87BE-67443E8EF086}">
      <p15:sldGuideLst xmlns:p15="http://schemas.microsoft.com/office/powerpoint/2012/main">
        <p15:guide id="1" orient="horz" pos="865">
          <p15:clr>
            <a:srgbClr val="00000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pictur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16801" y="230400"/>
            <a:ext cx="5644263" cy="752400"/>
          </a:xfrm>
        </p:spPr>
        <p:txBody>
          <a:bodyPr anchor="t" anchorCtr="0"/>
          <a:lstStyle>
            <a:lvl1pPr>
              <a:defRPr/>
            </a:lvl1pPr>
          </a:lstStyle>
          <a:p>
            <a:r>
              <a:rPr lang="da-DK"/>
              <a:t>Insert title</a:t>
            </a:r>
          </a:p>
        </p:txBody>
      </p:sp>
      <p:sp>
        <p:nvSpPr>
          <p:cNvPr id="10" name="Text Placeholder 2"/>
          <p:cNvSpPr>
            <a:spLocks noGrp="1"/>
          </p:cNvSpPr>
          <p:nvPr>
            <p:ph type="body" sz="quarter" idx="14"/>
          </p:nvPr>
        </p:nvSpPr>
        <p:spPr>
          <a:xfrm>
            <a:off x="985839" y="1371600"/>
            <a:ext cx="4975225" cy="452596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7" name="Picture Placeholder 3"/>
          <p:cNvSpPr>
            <a:spLocks noGrp="1"/>
          </p:cNvSpPr>
          <p:nvPr>
            <p:ph type="pic" sz="quarter" idx="13" hasCustomPrompt="1"/>
          </p:nvPr>
        </p:nvSpPr>
        <p:spPr>
          <a:xfrm>
            <a:off x="6230198" y="315913"/>
            <a:ext cx="5644110" cy="558165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D310205E-8FDC-461C-9B9A-B796951FC7BF}" type="datetime1">
              <a:rPr lang="da-DK" smtClean="0"/>
              <a:t>09-04-2026</a:t>
            </a:fld>
            <a:r>
              <a:rPr lang="da-DK"/>
              <a:t>02-05-2025</a:t>
            </a:r>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2781573056"/>
      </p:ext>
    </p:extLst>
  </p:cSld>
  <p:clrMapOvr>
    <a:masterClrMapping/>
  </p:clrMapOvr>
  <p:extLst>
    <p:ext uri="{DCECCB84-F9BA-43D5-87BE-67443E8EF086}">
      <p15:sldGuideLst xmlns:p15="http://schemas.microsoft.com/office/powerpoint/2012/main">
        <p15:guide id="1" pos="3924">
          <p15:clr>
            <a:srgbClr val="A4A3A4"/>
          </p15:clr>
        </p15:guide>
        <p15:guide id="2" pos="3755">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Personal information">
    <p:spTree>
      <p:nvGrpSpPr>
        <p:cNvPr id="1" name=""/>
        <p:cNvGrpSpPr/>
        <p:nvPr/>
      </p:nvGrpSpPr>
      <p:grpSpPr>
        <a:xfrm>
          <a:off x="0" y="0"/>
          <a:ext cx="0" cy="0"/>
          <a:chOff x="0" y="0"/>
          <a:chExt cx="0" cy="0"/>
        </a:xfrm>
      </p:grpSpPr>
      <p:sp>
        <p:nvSpPr>
          <p:cNvPr id="14" name="Hvid baggrund"/>
          <p:cNvSpPr/>
          <p:nvPr userDrawn="1"/>
        </p:nvSpPr>
        <p:spPr bwMode="auto">
          <a:xfrm>
            <a:off x="0" y="2"/>
            <a:ext cx="12193200" cy="5911011"/>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16" tIns="45708" rIns="91416" bIns="45708" numCol="1" spcCol="0" rtlCol="0" fromWordArt="0" anchor="t" anchorCtr="0" forceAA="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5" name="Black Rectangle"/>
          <p:cNvSpPr/>
          <p:nvPr userDrawn="1"/>
        </p:nvSpPr>
        <p:spPr>
          <a:xfrm>
            <a:off x="1001075" y="2694542"/>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a:p>
            <a:pPr algn="ctr"/>
            <a:endParaRPr lang="da-DK" sz="4798"/>
          </a:p>
        </p:txBody>
      </p:sp>
      <p:sp>
        <p:nvSpPr>
          <p:cNvPr id="2" name="Title 1"/>
          <p:cNvSpPr>
            <a:spLocks noGrp="1"/>
          </p:cNvSpPr>
          <p:nvPr>
            <p:ph type="title"/>
          </p:nvPr>
        </p:nvSpPr>
        <p:spPr>
          <a:xfrm>
            <a:off x="985839" y="1484784"/>
            <a:ext cx="4975225" cy="971980"/>
          </a:xfrm>
        </p:spPr>
        <p:txBody>
          <a:bodyPr anchor="b" anchorCtr="0"/>
          <a:lstStyle>
            <a:lvl1pPr>
              <a:lnSpc>
                <a:spcPct val="95000"/>
              </a:lnSpc>
              <a:defRPr sz="2999">
                <a:latin typeface="+mn-lt"/>
              </a:defRPr>
            </a:lvl1pPr>
          </a:lstStyle>
          <a:p>
            <a:r>
              <a:rPr lang="da-DK"/>
              <a:t>Click to edit Master title style</a:t>
            </a:r>
          </a:p>
        </p:txBody>
      </p:sp>
      <p:sp>
        <p:nvSpPr>
          <p:cNvPr id="10" name="Text Placeholder 2"/>
          <p:cNvSpPr>
            <a:spLocks noGrp="1"/>
          </p:cNvSpPr>
          <p:nvPr>
            <p:ph type="body" sz="quarter" idx="14"/>
          </p:nvPr>
        </p:nvSpPr>
        <p:spPr>
          <a:xfrm>
            <a:off x="985839" y="3010711"/>
            <a:ext cx="4975225" cy="1858449"/>
          </a:xfrm>
        </p:spPr>
        <p:txBody>
          <a:bodyPr/>
          <a:lstStyle>
            <a:lvl1pPr marL="0" indent="0">
              <a:buFont typeface="Calibri" panose="020F0502020204030204" pitchFamily="34" charset="0"/>
              <a:buChar char="​"/>
              <a:defRPr/>
            </a:lvl1pPr>
            <a:lvl5pPr>
              <a:defRPr/>
            </a:lvl5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a:p>
            <a:pPr lvl="5"/>
            <a:r>
              <a:rPr lang="da-DK"/>
              <a:t>6</a:t>
            </a:r>
          </a:p>
        </p:txBody>
      </p:sp>
      <p:sp>
        <p:nvSpPr>
          <p:cNvPr id="7" name="Picture Placeholder 3"/>
          <p:cNvSpPr>
            <a:spLocks noGrp="1"/>
          </p:cNvSpPr>
          <p:nvPr>
            <p:ph type="pic" sz="quarter" idx="13" hasCustomPrompt="1"/>
          </p:nvPr>
        </p:nvSpPr>
        <p:spPr>
          <a:xfrm>
            <a:off x="6231600" y="315913"/>
            <a:ext cx="5644800" cy="558360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1780882"/>
            <a:ext cx="1825892" cy="153888"/>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a:t>
            </a:r>
            <a:endParaRPr lang="da-DK" sz="1799"/>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9A1C948D-B4BE-466E-9189-2A12FA73A0D1}" type="datetime1">
              <a:rPr lang="da-DK" smtClean="0"/>
              <a:t>09-04-2026</a:t>
            </a:fld>
            <a:r>
              <a:rPr lang="da-DK"/>
              <a:t>02-05-2025</a:t>
            </a:r>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3735423257"/>
      </p:ext>
    </p:extLst>
  </p:cSld>
  <p:clrMapOvr>
    <a:masterClrMapping/>
  </p:clrMapOvr>
  <p:extLst>
    <p:ext uri="{DCECCB84-F9BA-43D5-87BE-67443E8EF086}">
      <p15:sldGuideLst xmlns:p15="http://schemas.microsoft.com/office/powerpoint/2012/main">
        <p15:guide id="1" pos="3930">
          <p15:clr>
            <a:srgbClr val="A4A3A4"/>
          </p15:clr>
        </p15:guide>
        <p15:guide id="2" pos="3755">
          <p15:clr>
            <a:srgbClr val="A4A3A4"/>
          </p15:clr>
        </p15:guide>
        <p15:guide id="3" orient="horz" pos="3069">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Picture slide">
    <p:spTree>
      <p:nvGrpSpPr>
        <p:cNvPr id="1" name=""/>
        <p:cNvGrpSpPr/>
        <p:nvPr/>
      </p:nvGrpSpPr>
      <p:grpSpPr>
        <a:xfrm>
          <a:off x="0" y="0"/>
          <a:ext cx="0" cy="0"/>
          <a:chOff x="0" y="0"/>
          <a:chExt cx="0" cy="0"/>
        </a:xfrm>
      </p:grpSpPr>
      <p:sp>
        <p:nvSpPr>
          <p:cNvPr id="5" name="Picture Placeholder 1"/>
          <p:cNvSpPr>
            <a:spLocks noGrp="1"/>
          </p:cNvSpPr>
          <p:nvPr>
            <p:ph type="pic" sz="quarter" idx="11" hasCustomPrompt="1"/>
          </p:nvPr>
        </p:nvSpPr>
        <p:spPr>
          <a:xfrm>
            <a:off x="316801" y="316800"/>
            <a:ext cx="11559600" cy="5583600"/>
          </a:xfrm>
          <a:solidFill>
            <a:schemeClr val="bg1"/>
          </a:solidFill>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8C643D77-4568-4CEE-A5BD-C2ADDF09E0A6}" type="datetime1">
              <a:rPr lang="da-DK" smtClean="0"/>
              <a:t>09-04-2026</a:t>
            </a:fld>
            <a:r>
              <a:rPr lang="da-DK"/>
              <a:t>02-05-2025</a:t>
            </a:r>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1323592567"/>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wo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5" name="Picture Placeholder 2"/>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9" name="Slide Number Placeholder 8"/>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0C8509EC-5208-43B3-84AF-E4C3CAEB06ED}" type="datetime1">
              <a:rPr lang="da-DK" smtClean="0"/>
              <a:t>09-04-2026</a:t>
            </a:fld>
            <a:r>
              <a:rPr lang="da-DK"/>
              <a:t>02-05-2025</a:t>
            </a:r>
          </a:p>
        </p:txBody>
      </p:sp>
      <p:sp>
        <p:nvSpPr>
          <p:cNvPr id="8" name="Footer Placeholder 7"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1801576290"/>
      </p:ext>
    </p:extLst>
  </p:cSld>
  <p:clrMapOvr>
    <a:masterClrMapping/>
  </p:clrMapOvr>
  <p:extLst>
    <p:ext uri="{DCECCB84-F9BA-43D5-87BE-67443E8EF086}">
      <p15:sldGuideLst xmlns:p15="http://schemas.microsoft.com/office/powerpoint/2012/main">
        <p15:guide id="1" pos="3924">
          <p15:clr>
            <a:srgbClr val="A4A3A4"/>
          </p15:clr>
        </p15:guide>
        <p15:guide id="2" pos="3754">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no picture">
    <p:spTree>
      <p:nvGrpSpPr>
        <p:cNvPr id="1" name=""/>
        <p:cNvGrpSpPr/>
        <p:nvPr/>
      </p:nvGrpSpPr>
      <p:grpSpPr>
        <a:xfrm>
          <a:off x="0" y="0"/>
          <a:ext cx="0" cy="0"/>
          <a:chOff x="0" y="0"/>
          <a:chExt cx="0" cy="0"/>
        </a:xfrm>
      </p:grpSpPr>
      <p:sp>
        <p:nvSpPr>
          <p:cNvPr id="2" name="Date Placeholder 1" hidden="1"/>
          <p:cNvSpPr>
            <a:spLocks noGrp="1" noRot="1" noMove="1" noResize="1" noEditPoints="1" noAdjustHandles="1" noChangeArrowheads="1" noChangeShapeType="1"/>
          </p:cNvSpPr>
          <p:nvPr>
            <p:ph type="dt" sz="half" idx="10"/>
          </p:nvPr>
        </p:nvSpPr>
        <p:spPr>
          <a:xfrm>
            <a:off x="0" y="6858000"/>
            <a:ext cx="0" cy="0"/>
          </a:xfrm>
        </p:spPr>
        <p:txBody>
          <a:bodyPr/>
          <a:lstStyle/>
          <a:p>
            <a:fld id="{D3D09865-A63D-4205-8BF4-7373A27C915E}" type="datetime1">
              <a:rPr lang="da-DK" smtClean="0"/>
              <a:t>09-04-2026</a:t>
            </a:fld>
            <a:endParaRPr lang="da-DK"/>
          </a:p>
        </p:txBody>
      </p:sp>
      <p:sp>
        <p:nvSpPr>
          <p:cNvPr id="3" name="Footer Placeholder 2" hidden="1"/>
          <p:cNvSpPr>
            <a:spLocks noGrp="1" noRot="1" noMove="1" noResize="1" noEditPoints="1" noAdjustHandles="1" noChangeArrowheads="1" noChangeShapeType="1"/>
          </p:cNvSpPr>
          <p:nvPr>
            <p:ph type="ftr" sz="quarter" idx="11"/>
          </p:nvPr>
        </p:nvSpPr>
        <p:spPr>
          <a:xfrm>
            <a:off x="0" y="6858000"/>
            <a:ext cx="0" cy="0"/>
          </a:xfrm>
        </p:spPr>
        <p:txBody>
          <a:bodyPr/>
          <a:lstStyle/>
          <a:p>
            <a:endParaRPr lang="da-DK"/>
          </a:p>
        </p:txBody>
      </p:sp>
      <p:sp>
        <p:nvSpPr>
          <p:cNvPr id="14" name="TextBox 13"/>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22"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34819" name="Title 1"/>
          <p:cNvSpPr>
            <a:spLocks noGrp="1" noChangeArrowheads="1"/>
          </p:cNvSpPr>
          <p:nvPr>
            <p:ph type="ctrTitle"/>
          </p:nvPr>
        </p:nvSpPr>
        <p:spPr>
          <a:xfrm>
            <a:off x="985838" y="2482343"/>
            <a:ext cx="10220325" cy="1661993"/>
          </a:xfrm>
        </p:spPr>
        <p:txBody>
          <a:bodyPr wrap="square" anchor="ctr" anchorCtr="0">
            <a:sp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7" name="Date_DateCustomA" descr="{&quot;templafy&quot;:{&quot;id&quot;:&quot;45965339-f7e5-4570-ab2d-ef0d3b8a33b8&quot;}}">
            <a:extLst>
              <a:ext uri="{FF2B5EF4-FFF2-40B4-BE49-F238E27FC236}">
                <a16:creationId xmlns:a16="http://schemas.microsoft.com/office/drawing/2014/main" id="{79F28AD6-C756-3FA9-8D35-B9ED537E5DDE}"/>
              </a:ext>
            </a:extLst>
          </p:cNvPr>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1. oktober 2025</a:t>
            </a:r>
          </a:p>
        </p:txBody>
      </p:sp>
      <p:sp>
        <p:nvSpPr>
          <p:cNvPr id="6" name="FLD_Event" descr="{&quot;templafy&quot;:{&quot;id&quot;:&quot;ff2d30cf-9b41-47a2-8d63-bae5fc2f1643&quot;}}">
            <a:extLst>
              <a:ext uri="{FF2B5EF4-FFF2-40B4-BE49-F238E27FC236}">
                <a16:creationId xmlns:a16="http://schemas.microsoft.com/office/drawing/2014/main" id="{57887568-1188-7AD6-FE68-DD94BB3E0742}"/>
              </a:ext>
            </a:extLst>
          </p:cNvPr>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bg1"/>
              </a:solidFill>
              <a:latin typeface="+mn-lt"/>
            </a:endParaRP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endParaRPr lang="da-DK" sz="700" b="0" cap="all" baseline="0">
              <a:solidFill>
                <a:schemeClr val="bg1"/>
              </a:solidFill>
              <a:latin typeface="+mn-lt"/>
            </a:endParaRP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endParaRPr lang="da-DK" sz="700" b="0" cap="all" baseline="0">
              <a:solidFill>
                <a:schemeClr val="bg1"/>
              </a:solidFill>
              <a:latin typeface="+mn-lt"/>
            </a:endParaRPr>
          </a:p>
        </p:txBody>
      </p:sp>
      <p:pic>
        <p:nvPicPr>
          <p:cNvPr id="894097470" name="SecondaryLogo" descr="{&quot;templafy&quot;:{&quot;id&quot;:&quot;e8e4473b-3af8-449c-b8c8-d709ac65a03f&quot;}}"/>
          <p:cNvPicPr>
            <a:picLocks noChangeAspect="1"/>
          </p:cNvPicPr>
          <p:nvPr/>
        </p:nvPicPr>
        <p:blipFill>
          <a:blip r:embed="rId4"/>
          <a:stretch>
            <a:fillRect/>
          </a:stretch>
        </p:blipFill>
        <p:spPr>
          <a:xfrm>
            <a:off x="10206113" y="5999002"/>
            <a:ext cx="1659600" cy="558000"/>
          </a:xfrm>
          <a:prstGeom prst="rect">
            <a:avLst/>
          </a:prstGeom>
        </p:spPr>
      </p:pic>
      <p:sp>
        <p:nvSpPr>
          <p:cNvPr id="11" name="OFF_logo2Computed" descr="{&quot;templafy&quot;:{&quot;id&quot;:&quot;4c520d42-8a67-4fc9-9e85-26e9c25539cc&quot;}}">
            <a:extLst>
              <a:ext uri="{FF2B5EF4-FFF2-40B4-BE49-F238E27FC236}">
                <a16:creationId xmlns:a16="http://schemas.microsoft.com/office/drawing/2014/main" id="{A3243EC3-3157-0FCB-B9C5-4D04D60102D7}"/>
              </a:ext>
            </a:extLst>
          </p:cNvPr>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r>
              <a:rPr lang="da-DK" sz="600" cap="all" spc="40" baseline="0">
                <a:solidFill>
                  <a:schemeClr val="bg1"/>
                </a:solidFill>
                <a:latin typeface="AU Passata Light" pitchFamily="34" charset="0"/>
              </a:rPr>
              <a:t>Aarhus Universitet</a:t>
            </a:r>
          </a:p>
        </p:txBody>
      </p:sp>
      <p:sp>
        <p:nvSpPr>
          <p:cNvPr id="12" name="OFF_logo1Computed" descr="{&quot;templafy&quot;:{&quot;id&quot;:&quot;954e34d8-705b-48c5-900e-28209a248570&quot;}}">
            <a:extLst>
              <a:ext uri="{FF2B5EF4-FFF2-40B4-BE49-F238E27FC236}">
                <a16:creationId xmlns:a16="http://schemas.microsoft.com/office/drawing/2014/main" id="{295F1ED3-E7A6-8E03-3171-374E099942CC}"/>
              </a:ext>
            </a:extLst>
          </p:cNvPr>
          <p:cNvSpPr/>
          <p:nvPr userDrawn="1"/>
        </p:nvSpPr>
        <p:spPr bwMode="auto">
          <a:xfrm>
            <a:off x="971999" y="5997600"/>
            <a:ext cx="1242328"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20073909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hree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2653200"/>
          </a:xfrm>
          <a:solidFill>
            <a:schemeClr val="bg1"/>
          </a:solidFill>
        </p:spPr>
        <p:txBody>
          <a:bodyPr/>
          <a:lstStyle>
            <a:lvl1pPr marL="0" indent="0">
              <a:buFontTx/>
              <a:buNone/>
              <a:defRPr b="0"/>
            </a:lvl1pPr>
          </a:lstStyle>
          <a:p>
            <a:r>
              <a:rPr lang="da-DK"/>
              <a:t>Click here and add image via Templafy Image Library</a:t>
            </a:r>
          </a:p>
        </p:txBody>
      </p:sp>
      <p:sp>
        <p:nvSpPr>
          <p:cNvPr id="7" name="Picture Placeholder 2"/>
          <p:cNvSpPr>
            <a:spLocks noGrp="1"/>
          </p:cNvSpPr>
          <p:nvPr>
            <p:ph type="pic" sz="quarter" idx="13" hasCustomPrompt="1"/>
          </p:nvPr>
        </p:nvSpPr>
        <p:spPr>
          <a:xfrm>
            <a:off x="316800" y="3237372"/>
            <a:ext cx="5644800" cy="2653200"/>
          </a:xfrm>
        </p:spPr>
        <p:txBody>
          <a:bodyPr/>
          <a:lstStyle>
            <a:lvl1pPr marL="0" indent="0">
              <a:buFontTx/>
              <a:buNone/>
              <a:defRPr b="0"/>
            </a:lvl1pPr>
          </a:lstStyle>
          <a:p>
            <a:r>
              <a:rPr lang="da-DK"/>
              <a:t>Click here and add image via Templafy Image Library</a:t>
            </a:r>
          </a:p>
        </p:txBody>
      </p:sp>
      <p:sp>
        <p:nvSpPr>
          <p:cNvPr id="5" name="Picture Placeholder 3"/>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7C9C1AEB-B1D6-4FDE-A65E-BF7AC2F42118}" type="datetime1">
              <a:rPr lang="da-DK" smtClean="0"/>
              <a:t>09-04-2026</a:t>
            </a:fld>
            <a:r>
              <a:rPr lang="da-DK"/>
              <a:t>02-05-2025</a:t>
            </a:r>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3746479714"/>
      </p:ext>
    </p:extLst>
  </p:cSld>
  <p:clrMapOvr>
    <a:masterClrMapping/>
  </p:clrMapOvr>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hree pictures II">
    <p:spTree>
      <p:nvGrpSpPr>
        <p:cNvPr id="1" name=""/>
        <p:cNvGrpSpPr/>
        <p:nvPr/>
      </p:nvGrpSpPr>
      <p:grpSpPr>
        <a:xfrm>
          <a:off x="0" y="0"/>
          <a:ext cx="0" cy="0"/>
          <a:chOff x="0" y="0"/>
          <a:chExt cx="0" cy="0"/>
        </a:xfrm>
      </p:grpSpPr>
      <p:sp>
        <p:nvSpPr>
          <p:cNvPr id="5" name="Picture Placeholder 1"/>
          <p:cNvSpPr>
            <a:spLocks noGrp="1"/>
          </p:cNvSpPr>
          <p:nvPr>
            <p:ph type="pic" sz="quarter" idx="12"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4" name="Picture Placeholder 2"/>
          <p:cNvSpPr>
            <a:spLocks noGrp="1"/>
          </p:cNvSpPr>
          <p:nvPr>
            <p:ph type="pic" sz="quarter" idx="11" hasCustomPrompt="1"/>
          </p:nvPr>
        </p:nvSpPr>
        <p:spPr>
          <a:xfrm>
            <a:off x="6231600" y="316800"/>
            <a:ext cx="5644800" cy="2653200"/>
          </a:xfrm>
        </p:spPr>
        <p:txBody>
          <a:bodyPr/>
          <a:lstStyle>
            <a:lvl1pPr marL="0" indent="0">
              <a:buFontTx/>
              <a:buNone/>
              <a:defRPr b="0"/>
            </a:lvl1pPr>
          </a:lstStyle>
          <a:p>
            <a:r>
              <a:rPr lang="da-DK"/>
              <a:t>Click here and add image via Templafy Image Library</a:t>
            </a:r>
          </a:p>
        </p:txBody>
      </p:sp>
      <p:sp>
        <p:nvSpPr>
          <p:cNvPr id="7" name="Picture Placeholder 3"/>
          <p:cNvSpPr>
            <a:spLocks noGrp="1"/>
          </p:cNvSpPr>
          <p:nvPr>
            <p:ph type="pic" sz="quarter" idx="13" hasCustomPrompt="1"/>
          </p:nvPr>
        </p:nvSpPr>
        <p:spPr>
          <a:xfrm>
            <a:off x="6231600" y="3237372"/>
            <a:ext cx="5644800" cy="26532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7717D0C8-0212-402D-957E-AA7E086C31C3}" type="datetime1">
              <a:rPr lang="da-DK" smtClean="0"/>
              <a:t>09-04-2026</a:t>
            </a:fld>
            <a:r>
              <a:rPr lang="da-DK"/>
              <a:t>02-05-2025</a:t>
            </a:r>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4172389520"/>
      </p:ext>
    </p:extLst>
  </p:cSld>
  <p:clrMapOvr>
    <a:masterClrMapping/>
  </p:clrMapOvr>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Full slide picture">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315913" y="315913"/>
            <a:ext cx="11557000" cy="6220354"/>
          </a:xfrm>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FAA0D008-4980-41EE-97E0-3B6E97B4FFD9}" type="datetime1">
              <a:rPr lang="da-DK" smtClean="0"/>
              <a:t>09-04-2026</a:t>
            </a:fld>
            <a:r>
              <a:rPr lang="da-DK"/>
              <a:t>02-05-2025</a:t>
            </a:r>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2018180566"/>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 slide">
    <p:spTree>
      <p:nvGrpSpPr>
        <p:cNvPr id="1" name=""/>
        <p:cNvGrpSpPr/>
        <p:nvPr/>
      </p:nvGrpSpPr>
      <p:grpSpPr>
        <a:xfrm>
          <a:off x="0" y="0"/>
          <a:ext cx="0" cy="0"/>
          <a:chOff x="0" y="0"/>
          <a:chExt cx="0" cy="0"/>
        </a:xfrm>
      </p:grpSpPr>
      <p:sp>
        <p:nvSpPr>
          <p:cNvPr id="9" name="Hvid baggrund"/>
          <p:cNvSpPr/>
          <p:nvPr userDrawn="1"/>
        </p:nvSpPr>
        <p:spPr bwMode="auto">
          <a:xfrm>
            <a:off x="1" y="2"/>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16" tIns="45708" rIns="91416" bIns="45708" numCol="1" rtlCol="0" anchor="t" anchorCtr="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0" name="Slide Number Placeholder 9"/>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C57CF86F-B581-47D9-8205-70B5C51CD15F}" type="datetime1">
              <a:rPr lang="da-DK" smtClean="0"/>
              <a:t>09-04-2026</a:t>
            </a:fld>
            <a:r>
              <a:rPr lang="da-DK"/>
              <a:t>02-05-2025</a:t>
            </a:r>
          </a:p>
        </p:txBody>
      </p:sp>
      <p:sp>
        <p:nvSpPr>
          <p:cNvPr id="8" name="Footer Placeholder 7" hidden="1"/>
          <p:cNvSpPr>
            <a:spLocks noGrp="1"/>
          </p:cNvSpPr>
          <p:nvPr>
            <p:ph type="ftr" sz="quarter" idx="14"/>
          </p:nvPr>
        </p:nvSpPr>
        <p:spPr/>
        <p:txBody>
          <a:bodyPr/>
          <a:lstStyle/>
          <a:p>
            <a:endParaRPr lang="da-DK"/>
          </a:p>
        </p:txBody>
      </p:sp>
      <p:sp>
        <p:nvSpPr>
          <p:cNvPr id="11" name="Text Placeholder 61"/>
          <p:cNvSpPr>
            <a:spLocks noGrp="1"/>
          </p:cNvSpPr>
          <p:nvPr>
            <p:ph type="body" sz="quarter" idx="16" hasCustomPrompt="1"/>
          </p:nvPr>
        </p:nvSpPr>
        <p:spPr>
          <a:xfrm>
            <a:off x="1845941" y="1412776"/>
            <a:ext cx="8496944" cy="3744416"/>
          </a:xfrm>
        </p:spPr>
        <p:txBody>
          <a:bodyPr/>
          <a:lstStyle>
            <a:lvl1pPr marL="431870" indent="-431870" algn="ctr">
              <a:lnSpc>
                <a:spcPct val="107000"/>
              </a:lnSpc>
              <a:buSzPct val="250000"/>
              <a:buFontTx/>
              <a:buBlip>
                <a:blip r:embed="rId2"/>
              </a:buBlip>
              <a:defRPr sz="2799">
                <a:latin typeface="Georgia" panose="02040502050405020303" pitchFamily="18" charset="0"/>
              </a:defRPr>
            </a:lvl1pPr>
            <a:lvl2pPr marL="215935" indent="-215935" algn="ctr">
              <a:lnSpc>
                <a:spcPct val="99000"/>
              </a:lnSpc>
              <a:buFont typeface="Arial" panose="020B0604020202020204" pitchFamily="34" charset="0"/>
              <a:buChar char="-"/>
              <a:defRPr sz="1999" cap="all" baseline="0">
                <a:latin typeface="Georgia" panose="02040502050405020303" pitchFamily="18" charset="0"/>
              </a:defRPr>
            </a:lvl2pPr>
            <a:lvl3pPr algn="ctr">
              <a:buFontTx/>
              <a:buNone/>
              <a:defRPr/>
            </a:lvl3pPr>
          </a:lstStyle>
          <a:p>
            <a:pPr lvl="0"/>
            <a:r>
              <a:rPr lang="da-DK"/>
              <a:t>Click to add Quote text, for next level ENTER and TAB</a:t>
            </a:r>
          </a:p>
          <a:p>
            <a:pPr lvl="1"/>
            <a:r>
              <a:rPr lang="da-DK"/>
              <a:t>Second level</a:t>
            </a:r>
          </a:p>
          <a:p>
            <a:pPr lvl="2"/>
            <a:endParaRPr lang="da-DK"/>
          </a:p>
        </p:txBody>
      </p:sp>
    </p:spTree>
    <p:extLst>
      <p:ext uri="{BB962C8B-B14F-4D97-AF65-F5344CB8AC3E}">
        <p14:creationId xmlns:p14="http://schemas.microsoft.com/office/powerpoint/2010/main" val="1477388681"/>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el and Quote slide">
    <p:spTree>
      <p:nvGrpSpPr>
        <p:cNvPr id="1" name=""/>
        <p:cNvGrpSpPr/>
        <p:nvPr/>
      </p:nvGrpSpPr>
      <p:grpSpPr>
        <a:xfrm>
          <a:off x="0" y="0"/>
          <a:ext cx="0" cy="0"/>
          <a:chOff x="0" y="0"/>
          <a:chExt cx="0" cy="0"/>
        </a:xfrm>
      </p:grpSpPr>
      <p:sp>
        <p:nvSpPr>
          <p:cNvPr id="8" name="Hvid baggrund"/>
          <p:cNvSpPr/>
          <p:nvPr userDrawn="1"/>
        </p:nvSpPr>
        <p:spPr bwMode="auto">
          <a:xfrm>
            <a:off x="1" y="2"/>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16" tIns="45708" rIns="91416" bIns="45708" numCol="1" rtlCol="0" anchor="t" anchorCtr="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Title 1"/>
          <p:cNvSpPr>
            <a:spLocks noGrp="1"/>
          </p:cNvSpPr>
          <p:nvPr>
            <p:ph type="title"/>
          </p:nvPr>
        </p:nvSpPr>
        <p:spPr>
          <a:xfrm>
            <a:off x="315913" y="230400"/>
            <a:ext cx="11563200" cy="752400"/>
          </a:xfrm>
        </p:spPr>
        <p:txBody>
          <a:bodyPr anchor="t" anchorCtr="0"/>
          <a:lstStyle/>
          <a:p>
            <a:r>
              <a:rPr lang="da-DK"/>
              <a:t>Click to edit Master title style</a:t>
            </a:r>
          </a:p>
        </p:txBody>
      </p:sp>
      <p:sp>
        <p:nvSpPr>
          <p:cNvPr id="7" name="Text Placeholder 2"/>
          <p:cNvSpPr>
            <a:spLocks noGrp="1"/>
          </p:cNvSpPr>
          <p:nvPr>
            <p:ph type="body" sz="quarter" idx="11" hasCustomPrompt="1"/>
          </p:nvPr>
        </p:nvSpPr>
        <p:spPr>
          <a:xfrm>
            <a:off x="2998068" y="1853461"/>
            <a:ext cx="6264696" cy="2725288"/>
          </a:xfrm>
        </p:spPr>
        <p:txBody>
          <a:bodyPr/>
          <a:lstStyle>
            <a:lvl1pPr marL="431870" indent="-431870" algn="ctr">
              <a:lnSpc>
                <a:spcPct val="107000"/>
              </a:lnSpc>
              <a:buSzPct val="250000"/>
              <a:buFontTx/>
              <a:buBlip>
                <a:blip r:embed="rId2"/>
              </a:buBlip>
              <a:defRPr sz="2799">
                <a:latin typeface="Georgia" panose="02040502050405020303" pitchFamily="18" charset="0"/>
              </a:defRPr>
            </a:lvl1pPr>
            <a:lvl2pPr marL="215935" indent="-215935" algn="ctr">
              <a:lnSpc>
                <a:spcPct val="99000"/>
              </a:lnSpc>
              <a:buFont typeface="Arial" panose="020B0604020202020204" pitchFamily="34" charset="0"/>
              <a:buChar char="-"/>
              <a:defRPr sz="1999" cap="all" baseline="0">
                <a:latin typeface="Georgia" panose="02040502050405020303" pitchFamily="18" charset="0"/>
              </a:defRPr>
            </a:lvl2pPr>
            <a:lvl3pPr marL="575827" indent="0">
              <a:buNone/>
              <a:defRPr/>
            </a:lvl3pPr>
          </a:lstStyle>
          <a:p>
            <a:pPr lvl="0"/>
            <a:r>
              <a:rPr lang="da-DK"/>
              <a:t>Click to add Quote text, for next level ENTER and TAB</a:t>
            </a:r>
          </a:p>
          <a:p>
            <a:pPr lvl="1"/>
            <a:r>
              <a:rPr lang="da-DK"/>
              <a:t>Second level</a:t>
            </a:r>
          </a:p>
        </p:txBody>
      </p:sp>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8184A23E-EF79-4DCC-BFF3-00E308455194}" type="datetime1">
              <a:rPr lang="da-DK" smtClean="0"/>
              <a:t>09-04-2026</a:t>
            </a:fld>
            <a:r>
              <a:rPr lang="da-DK"/>
              <a:t>02-05-2025</a:t>
            </a:r>
          </a:p>
        </p:txBody>
      </p:sp>
      <p:sp>
        <p:nvSpPr>
          <p:cNvPr id="10" name="Footer Placeholder 9"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3719593196"/>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Full slide content">
    <p:spTree>
      <p:nvGrpSpPr>
        <p:cNvPr id="1" name=""/>
        <p:cNvGrpSpPr/>
        <p:nvPr/>
      </p:nvGrpSpPr>
      <p:grpSpPr>
        <a:xfrm>
          <a:off x="0" y="0"/>
          <a:ext cx="0" cy="0"/>
          <a:chOff x="0" y="0"/>
          <a:chExt cx="0" cy="0"/>
        </a:xfrm>
      </p:grpSpPr>
      <p:sp>
        <p:nvSpPr>
          <p:cNvPr id="5" name="Content Placeholder 1"/>
          <p:cNvSpPr>
            <a:spLocks noGrp="1"/>
          </p:cNvSpPr>
          <p:nvPr>
            <p:ph sz="quarter" idx="12"/>
          </p:nvPr>
        </p:nvSpPr>
        <p:spPr>
          <a:xfrm>
            <a:off x="328613" y="328612"/>
            <a:ext cx="11550650" cy="6213475"/>
          </a:xfrm>
        </p:spPr>
        <p:txBody>
          <a:body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8" name="Slide Number Placeholder 7"/>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A1625BC2-FF99-48D9-B8D4-6203C117DE7D}" type="datetime1">
              <a:rPr lang="da-DK" smtClean="0"/>
              <a:t>09-04-2026</a:t>
            </a:fld>
            <a:r>
              <a:rPr lang="da-DK"/>
              <a:t>02-05-2025</a:t>
            </a:r>
          </a:p>
        </p:txBody>
      </p:sp>
      <p:sp>
        <p:nvSpPr>
          <p:cNvPr id="7" name="Footer Placeholder 6"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2017625378"/>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Click to edit Master title style</a:t>
            </a:r>
          </a:p>
        </p:txBody>
      </p:sp>
      <p:sp>
        <p:nvSpPr>
          <p:cNvPr id="6" name="TextBox 5"/>
          <p:cNvSpPr txBox="1"/>
          <p:nvPr userDrawn="1"/>
        </p:nvSpPr>
        <p:spPr>
          <a:xfrm>
            <a:off x="-2160354" y="1022478"/>
            <a:ext cx="2012649" cy="473425"/>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Light</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5EE65FFF-526A-4F4A-BD21-9562F0229E69}" type="datetime1">
              <a:rPr lang="da-DK" smtClean="0"/>
              <a:t>09-04-2026</a:t>
            </a:fld>
            <a:r>
              <a:rPr lang="da-DK"/>
              <a:t>02-05-2025</a:t>
            </a:r>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4284209911"/>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type="blank" preserve="1">
  <p:cSld name="Tomt">
    <p:spTree>
      <p:nvGrpSpPr>
        <p:cNvPr id="1" name=""/>
        <p:cNvGrpSpPr/>
        <p:nvPr/>
      </p:nvGrpSpPr>
      <p:grpSpPr>
        <a:xfrm>
          <a:off x="0" y="0"/>
          <a:ext cx="0" cy="0"/>
          <a:chOff x="0" y="0"/>
          <a:chExt cx="0" cy="0"/>
        </a:xfrm>
      </p:grpSpPr>
      <p:sp>
        <p:nvSpPr>
          <p:cNvPr id="3" name="Rectangle 2"/>
          <p:cNvSpPr/>
          <p:nvPr userDrawn="1"/>
        </p:nvSpPr>
        <p:spPr bwMode="auto">
          <a:xfrm>
            <a:off x="765820" y="1340768"/>
            <a:ext cx="1224136" cy="504056"/>
          </a:xfrm>
          <a:prstGeom prst="rect">
            <a:avLst/>
          </a:prstGeom>
          <a:solidFill>
            <a:schemeClr val="bg1"/>
          </a:solidFill>
          <a:ln w="1778" cap="flat" cmpd="sng" algn="ctr">
            <a:noFill/>
            <a:prstDash val="solid"/>
            <a:round/>
            <a:headEnd type="none" w="med" len="med"/>
            <a:tailEnd type="none" w="med" len="med"/>
          </a:ln>
          <a:effectLst/>
        </p:spPr>
        <p:txBody>
          <a:bodyPr vert="horz" wrap="square" lIns="91416" tIns="45708" rIns="91416" bIns="45708" numCol="1" rtlCol="0" anchor="t" anchorCtr="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Slide Number Placeholder 4"/>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702AF9D9-0074-4970-8583-3B1E17CB7CCA}" type="datetime1">
              <a:rPr lang="da-DK" smtClean="0"/>
              <a:t>09-04-2026</a:t>
            </a:fld>
            <a:r>
              <a:rPr lang="da-DK"/>
              <a:t>02-05-2025</a:t>
            </a:r>
          </a:p>
        </p:txBody>
      </p:sp>
      <p:sp>
        <p:nvSpPr>
          <p:cNvPr id="4" name="Footer Placeholder 3"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207696259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slide Logo">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pic>
        <p:nvPicPr>
          <p:cNvPr id="6"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828777" y="2163364"/>
            <a:ext cx="2531272" cy="2531272"/>
          </a:xfrm>
          <a:prstGeom prst="rect">
            <a:avLst/>
          </a:prstGeom>
        </p:spPr>
      </p:pic>
      <p:sp>
        <p:nvSpPr>
          <p:cNvPr id="5" name="Date Placeholder 4" hidden="1"/>
          <p:cNvSpPr>
            <a:spLocks noGrp="1"/>
          </p:cNvSpPr>
          <p:nvPr>
            <p:ph type="dt" sz="half" idx="10"/>
          </p:nvPr>
        </p:nvSpPr>
        <p:spPr/>
        <p:txBody>
          <a:bodyPr/>
          <a:lstStyle/>
          <a:p>
            <a:fld id="{8D2F0250-73F4-4755-8BFA-69CA528453C4}" type="datetime1">
              <a:rPr lang="da-DK" smtClean="0"/>
              <a:t>09-04-2026</a:t>
            </a:fld>
            <a:r>
              <a:rPr lang="da-DK"/>
              <a:t>02-05-2025</a:t>
            </a:r>
          </a:p>
        </p:txBody>
      </p:sp>
      <p:sp>
        <p:nvSpPr>
          <p:cNvPr id="7" name="Footer Placeholder 6" hidden="1"/>
          <p:cNvSpPr>
            <a:spLocks noGrp="1"/>
          </p:cNvSpPr>
          <p:nvPr>
            <p:ph type="ftr" sz="quarter" idx="11"/>
          </p:nvPr>
        </p:nvSpPr>
        <p:spPr/>
        <p:txBody>
          <a:bodyPr/>
          <a:lstStyle/>
          <a:p>
            <a:endParaRPr lang="da-DK"/>
          </a:p>
        </p:txBody>
      </p:sp>
      <p:sp>
        <p:nvSpPr>
          <p:cNvPr id="9"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155172066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slide">
    <p:bg>
      <p:bgPr>
        <a:solidFill>
          <a:schemeClr val="bg1"/>
        </a:solidFill>
        <a:effectLst/>
      </p:bgPr>
    </p:bg>
    <p:spTree>
      <p:nvGrpSpPr>
        <p:cNvPr id="1" name=""/>
        <p:cNvGrpSpPr/>
        <p:nvPr/>
      </p:nvGrpSpPr>
      <p:grpSpPr>
        <a:xfrm>
          <a:off x="0" y="0"/>
          <a:ext cx="0" cy="0"/>
          <a:chOff x="0" y="0"/>
          <a:chExt cx="0" cy="0"/>
        </a:xfrm>
      </p:grpSpPr>
      <p:sp>
        <p:nvSpPr>
          <p:cNvPr id="16"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34" name="Pladsholder til tekst 2"/>
          <p:cNvSpPr txBox="1">
            <a:spLocks/>
          </p:cNvSpPr>
          <p:nvPr userDrawn="1"/>
        </p:nvSpPr>
        <p:spPr>
          <a:xfrm>
            <a:off x="1090914" y="2098691"/>
            <a:ext cx="12745416" cy="1329861"/>
          </a:xfrm>
          <a:prstGeom prst="rect">
            <a:avLst/>
          </a:prstGeom>
        </p:spPr>
        <p:txBody>
          <a:bodyPr wrap="square" lIns="0" tIns="0" rIns="0" bIns="21594">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9997" kern="0">
                <a:solidFill>
                  <a:schemeClr val="accent6"/>
                </a:solidFill>
                <a:latin typeface="AU Peto" panose="040C0B07020602020301" pitchFamily="82" charset="0"/>
              </a:rPr>
              <a:t>Aarhus</a:t>
            </a:r>
            <a:endParaRPr lang="da-DK" sz="2199"/>
          </a:p>
        </p:txBody>
      </p:sp>
      <p:sp>
        <p:nvSpPr>
          <p:cNvPr id="6" name="Pladsholder til tekst 2"/>
          <p:cNvSpPr txBox="1">
            <a:spLocks/>
          </p:cNvSpPr>
          <p:nvPr userDrawn="1"/>
        </p:nvSpPr>
        <p:spPr>
          <a:xfrm>
            <a:off x="7439541" y="2093602"/>
            <a:ext cx="4356484" cy="1329861"/>
          </a:xfrm>
          <a:prstGeom prst="rect">
            <a:avLst/>
          </a:prstGeom>
        </p:spPr>
        <p:txBody>
          <a:bodyPr wrap="square" lIns="0" tIns="0" rIns="0" bIns="21594">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9997" kern="0" err="1">
                <a:solidFill>
                  <a:schemeClr val="bg1"/>
                </a:solidFill>
                <a:latin typeface="AU Peto" panose="040C0B07020602020301" pitchFamily="82" charset="0"/>
              </a:rPr>
              <a:t>uni</a:t>
            </a:r>
            <a:endParaRPr lang="da-DK" sz="9997" kern="0">
              <a:solidFill>
                <a:schemeClr val="bg1"/>
              </a:solidFill>
              <a:latin typeface="AU Peto" panose="040C0B07020602020301" pitchFamily="82" charset="0"/>
            </a:endParaRPr>
          </a:p>
        </p:txBody>
      </p:sp>
      <p:sp>
        <p:nvSpPr>
          <p:cNvPr id="7" name="Pladsholder til tekst 2"/>
          <p:cNvSpPr txBox="1">
            <a:spLocks/>
          </p:cNvSpPr>
          <p:nvPr userDrawn="1"/>
        </p:nvSpPr>
        <p:spPr>
          <a:xfrm>
            <a:off x="1881492" y="3428552"/>
            <a:ext cx="9289032" cy="1329861"/>
          </a:xfrm>
          <a:prstGeom prst="rect">
            <a:avLst/>
          </a:prstGeom>
        </p:spPr>
        <p:txBody>
          <a:bodyPr wrap="square" lIns="0" tIns="0" rIns="0" bIns="21594">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gn="ctr">
              <a:lnSpc>
                <a:spcPct val="85000"/>
              </a:lnSpc>
            </a:pPr>
            <a:r>
              <a:rPr lang="da-DK" sz="9997" kern="0" err="1">
                <a:solidFill>
                  <a:schemeClr val="bg1"/>
                </a:solidFill>
                <a:latin typeface="AU Peto" panose="040C0B07020602020301" pitchFamily="82" charset="0"/>
              </a:rPr>
              <a:t>versiet</a:t>
            </a:r>
            <a:endParaRPr lang="da-DK" sz="9997">
              <a:solidFill>
                <a:schemeClr val="bg1"/>
              </a:solidFill>
              <a:latin typeface="AU Peto" panose="040C0B07020602020301" pitchFamily="82" charset="0"/>
            </a:endParaRPr>
          </a:p>
        </p:txBody>
      </p:sp>
      <p:sp>
        <p:nvSpPr>
          <p:cNvPr id="8" name="Date Placeholder 4" hidden="1"/>
          <p:cNvSpPr>
            <a:spLocks noGrp="1"/>
          </p:cNvSpPr>
          <p:nvPr>
            <p:ph type="dt" sz="half" idx="10"/>
          </p:nvPr>
        </p:nvSpPr>
        <p:spPr>
          <a:xfrm>
            <a:off x="0" y="7020000"/>
            <a:ext cx="0" cy="0"/>
          </a:xfrm>
        </p:spPr>
        <p:txBody>
          <a:bodyPr/>
          <a:lstStyle/>
          <a:p>
            <a:fld id="{538F28BF-276A-4743-9CF0-F38D29114FE1}" type="datetime1">
              <a:rPr lang="da-DK" smtClean="0"/>
              <a:t>09-04-2026</a:t>
            </a:fld>
            <a:r>
              <a:rPr lang="da-DK"/>
              <a:t>02-05-2025</a:t>
            </a:r>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26524481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 og indholdsobjekt">
    <p:spTree>
      <p:nvGrpSpPr>
        <p:cNvPr id="1" name=""/>
        <p:cNvGrpSpPr/>
        <p:nvPr/>
      </p:nvGrpSpPr>
      <p:grpSpPr>
        <a:xfrm>
          <a:off x="0" y="0"/>
          <a:ext cx="0" cy="0"/>
          <a:chOff x="0" y="0"/>
          <a:chExt cx="0" cy="0"/>
        </a:xfrm>
      </p:grpSpPr>
      <p:sp>
        <p:nvSpPr>
          <p:cNvPr id="6" name="Title 1"/>
          <p:cNvSpPr>
            <a:spLocks noGrp="1"/>
          </p:cNvSpPr>
          <p:nvPr>
            <p:ph type="title"/>
          </p:nvPr>
        </p:nvSpPr>
        <p:spPr/>
        <p:txBody>
          <a:bodyPr/>
          <a:lstStyle/>
          <a:p>
            <a:r>
              <a:rPr lang="da-DK"/>
              <a:t>Click to edit Master title style</a:t>
            </a:r>
          </a:p>
        </p:txBody>
      </p:sp>
      <p:sp>
        <p:nvSpPr>
          <p:cNvPr id="3" name="Content Placeholder 2"/>
          <p:cNvSpPr>
            <a:spLocks noGrp="1"/>
          </p:cNvSpPr>
          <p:nvPr>
            <p:ph idx="1"/>
          </p:nvPr>
        </p:nvSpPr>
        <p:spPr>
          <a:xfrm>
            <a:off x="985838" y="1960079"/>
            <a:ext cx="10220325" cy="393748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5" name="TextBox 4"/>
          <p:cNvSpPr txBox="1"/>
          <p:nvPr userDrawn="1"/>
        </p:nvSpPr>
        <p:spPr>
          <a:xfrm>
            <a:off x="-1973598" y="340161"/>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a:p>
          <a:p>
            <a:pPr algn="r">
              <a:lnSpc>
                <a:spcPct val="100000"/>
              </a:lnSpc>
            </a:pPr>
            <a:r>
              <a:rPr lang="da-DK" sz="1000" baseline="0" noProof="1">
                <a:solidFill>
                  <a:schemeClr val="tx1">
                    <a:lumMod val="75000"/>
                    <a:lumOff val="25000"/>
                  </a:schemeClr>
                </a:solidFill>
              </a:rPr>
              <a:t>ændr 2. linje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4FCD0A5A-0752-46EB-95B7-1476FD120416}" type="datetime1">
              <a:rPr lang="da-DK" smtClean="0"/>
              <a:t>09-04-2026</a:t>
            </a:fld>
            <a:endParaRPr lang="da-DK"/>
          </a:p>
        </p:txBody>
      </p:sp>
      <p:sp>
        <p:nvSpPr>
          <p:cNvPr id="8" name="Footer Placeholder 7" hidden="1"/>
          <p:cNvSpPr>
            <a:spLocks noGrp="1"/>
          </p:cNvSpPr>
          <p:nvPr>
            <p:ph type="ftr" sz="quarter" idx="11"/>
          </p:nvPr>
        </p:nvSpPr>
        <p:spPr/>
        <p:txBody>
          <a:bodyPr/>
          <a:lstStyle/>
          <a:p>
            <a:endParaRPr lang="da-DK"/>
          </a:p>
        </p:txBody>
      </p:sp>
      <p:sp>
        <p:nvSpPr>
          <p:cNvPr id="2" name="OFF_logo1Computed">
            <a:extLst>
              <a:ext uri="{FF2B5EF4-FFF2-40B4-BE49-F238E27FC236}">
                <a16:creationId xmlns:a16="http://schemas.microsoft.com/office/drawing/2014/main" id="{132FB1BF-1F42-7660-587B-84A6D63215C6}"/>
              </a:ext>
            </a:extLst>
          </p:cNvPr>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accent1"/>
                </a:solidFill>
                <a:effectLst/>
                <a:latin typeface="AU Passata" pitchFamily="34" charset="0"/>
              </a:rPr>
              <a:t>Aarhus
Universitet</a:t>
            </a:r>
          </a:p>
        </p:txBody>
      </p:sp>
      <p:pic>
        <p:nvPicPr>
          <p:cNvPr id="4" name="Au logo">
            <a:extLst>
              <a:ext uri="{FF2B5EF4-FFF2-40B4-BE49-F238E27FC236}">
                <a16:creationId xmlns:a16="http://schemas.microsoft.com/office/drawing/2014/main" id="{C05916B9-D599-BF37-8780-0628B056D3D5}"/>
              </a:ext>
            </a:extLst>
          </p:cNvPr>
          <p:cNvPicPr>
            <a:picLocks noChangeAspect="1"/>
          </p:cNvPicPr>
          <p:nvPr userDrawn="1"/>
        </p:nvPicPr>
        <p:blipFill>
          <a:blip r:embed="rId2" cstate="print">
            <a:duotone>
              <a:prstClr val="black"/>
              <a:schemeClr val="accent1">
                <a:tint val="45000"/>
                <a:satMod val="400000"/>
              </a:schemeClr>
            </a:duotone>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10" name="SecondaryLogo">
            <a:extLst>
              <a:ext uri="{FF2B5EF4-FFF2-40B4-BE49-F238E27FC236}">
                <a16:creationId xmlns:a16="http://schemas.microsoft.com/office/drawing/2014/main" id="{503BEEDF-A3F4-7976-1135-D8320D00D288}"/>
              </a:ext>
            </a:extLst>
          </p:cNvPr>
          <p:cNvPicPr>
            <a:picLocks noChangeAspect="1"/>
          </p:cNvPicPr>
          <p:nvPr userDrawn="1"/>
        </p:nvPicPr>
        <p:blipFill>
          <a:blip r:embed="rId3">
            <a:duotone>
              <a:prstClr val="black"/>
              <a:schemeClr val="accent1">
                <a:tint val="45000"/>
                <a:satMod val="400000"/>
              </a:schemeClr>
            </a:duotone>
          </a:blip>
          <a:stretch>
            <a:fillRect/>
          </a:stretch>
        </p:blipFill>
        <p:spPr>
          <a:xfrm>
            <a:off x="10206001" y="5997600"/>
            <a:ext cx="1658237" cy="558000"/>
          </a:xfrm>
          <a:prstGeom prst="rect">
            <a:avLst/>
          </a:prstGeom>
        </p:spPr>
      </p:pic>
    </p:spTree>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End slide Aarhus Universitet">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5" name="LAN_AUWBreak"/>
          <p:cNvSpPr/>
          <p:nvPr userDrawn="1"/>
        </p:nvSpPr>
        <p:spPr bwMode="auto">
          <a:xfrm>
            <a:off x="6022613" y="2804402"/>
            <a:ext cx="2912657" cy="1293389"/>
          </a:xfrm>
          <a:prstGeom prst="rect">
            <a:avLst/>
          </a:prstGeom>
          <a:noFill/>
          <a:ln w="1778" cap="flat" cmpd="sng" algn="ctr">
            <a:noFill/>
            <a:prstDash val="solid"/>
            <a:round/>
            <a:headEnd type="none" w="med" len="med"/>
            <a:tailEnd type="none" w="med" len="med"/>
          </a:ln>
          <a:effectLst/>
        </p:spPr>
        <p:txBody>
          <a:bodyPr vert="horz" wrap="none" lIns="0" tIns="183552"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3999" b="0" i="0" u="none" strike="noStrike" cap="all" normalizeH="0" baseline="0" noProof="1">
                <a:ln>
                  <a:noFill/>
                </a:ln>
                <a:solidFill>
                  <a:schemeClr val="bg1"/>
                </a:solidFill>
                <a:effectLst/>
                <a:latin typeface="AU Passata" pitchFamily="34" charset="0"/>
              </a:rPr>
              <a:t>Aarhus 
Universitet</a:t>
            </a:r>
          </a:p>
        </p:txBody>
      </p:sp>
      <p:pic>
        <p:nvPicPr>
          <p:cNvPr id="6" name="Logo white"/>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318268" y="2864711"/>
            <a:ext cx="2228400" cy="1116990"/>
          </a:xfrm>
          <a:prstGeom prst="rect">
            <a:avLst/>
          </a:prstGeom>
        </p:spPr>
      </p:pic>
      <p:sp>
        <p:nvSpPr>
          <p:cNvPr id="7" name="Date Placeholder 4" hidden="1"/>
          <p:cNvSpPr>
            <a:spLocks noGrp="1"/>
          </p:cNvSpPr>
          <p:nvPr>
            <p:ph type="dt" sz="half" idx="10"/>
          </p:nvPr>
        </p:nvSpPr>
        <p:spPr>
          <a:xfrm>
            <a:off x="0" y="7020000"/>
            <a:ext cx="0" cy="0"/>
          </a:xfrm>
        </p:spPr>
        <p:txBody>
          <a:bodyPr/>
          <a:lstStyle/>
          <a:p>
            <a:fld id="{79B0CDBF-13D4-441A-AE23-9017CAFC4060}" type="datetime1">
              <a:rPr lang="da-DK" smtClean="0"/>
              <a:t>09-04-2026</a:t>
            </a:fld>
            <a:r>
              <a:rPr lang="da-DK"/>
              <a:t>02-05-2025</a:t>
            </a:r>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135259853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Title two lines and content">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985839" y="315913"/>
            <a:ext cx="10887075" cy="1240878"/>
          </a:xfrm>
        </p:spPr>
        <p:txBody>
          <a:bodyPr anchor="t" anchorCtr="0"/>
          <a:lstStyle>
            <a:lvl1pPr>
              <a:defRPr>
                <a:solidFill>
                  <a:schemeClr val="tx1"/>
                </a:solidFill>
              </a:defRPr>
            </a:lvl1pPr>
          </a:lstStyle>
          <a:p>
            <a:r>
              <a:rPr lang="da-DK"/>
              <a:t>Klik for at indsætte titel</a:t>
            </a:r>
          </a:p>
        </p:txBody>
      </p:sp>
      <p:sp>
        <p:nvSpPr>
          <p:cNvPr id="3" name="Content Placeholder 2"/>
          <p:cNvSpPr>
            <a:spLocks noGrp="1"/>
          </p:cNvSpPr>
          <p:nvPr>
            <p:ph idx="1" hasCustomPrompt="1"/>
          </p:nvPr>
        </p:nvSpPr>
        <p:spPr>
          <a:xfrm>
            <a:off x="985839" y="1960079"/>
            <a:ext cx="10220325" cy="3937484"/>
          </a:xfrm>
        </p:spPr>
        <p:txBody>
          <a:bodyPr/>
          <a:lstStyle>
            <a:lvl1pPr marL="0" indent="0">
              <a:buFont typeface="Calibri" panose="020F0502020204030204" pitchFamily="34" charset="0"/>
              <a:buChar char="​"/>
              <a:defRPr sz="2999">
                <a:solidFill>
                  <a:schemeClr val="tx1"/>
                </a:solidFill>
              </a:defRPr>
            </a:lvl1pPr>
            <a:lvl2pPr>
              <a:defRPr sz="2999">
                <a:solidFill>
                  <a:schemeClr val="tx1"/>
                </a:solidFill>
              </a:defRPr>
            </a:lvl2pPr>
            <a:lvl3pPr>
              <a:defRPr sz="2999">
                <a:solidFill>
                  <a:schemeClr val="tx1"/>
                </a:solidFill>
              </a:defRPr>
            </a:lvl3pPr>
            <a:lvl4pPr>
              <a:defRPr sz="2999">
                <a:solidFill>
                  <a:schemeClr val="tx1"/>
                </a:solidFill>
              </a:defRPr>
            </a:lvl4pPr>
            <a:lvl5pPr>
              <a:defRPr sz="2999">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5" name="TextBox 4"/>
          <p:cNvSpPr txBox="1"/>
          <p:nvPr userDrawn="1"/>
        </p:nvSpPr>
        <p:spPr>
          <a:xfrm>
            <a:off x="-1973598" y="340163"/>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sz="1799"/>
          </a:p>
          <a:p>
            <a:pPr algn="r">
              <a:lnSpc>
                <a:spcPct val="100000"/>
              </a:lnSpc>
            </a:pPr>
            <a:r>
              <a:rPr lang="da-DK" sz="1000" baseline="0" noProof="1">
                <a:solidFill>
                  <a:schemeClr val="tx1">
                    <a:lumMod val="75000"/>
                    <a:lumOff val="25000"/>
                  </a:schemeClr>
                </a:solidFill>
              </a:rPr>
              <a:t>ændr evt. 2. linje til</a:t>
            </a:r>
            <a:endParaRPr lang="da-DK" sz="1799"/>
          </a:p>
          <a:p>
            <a:pPr algn="r">
              <a:lnSpc>
                <a:spcPct val="100000"/>
              </a:lnSpc>
            </a:pPr>
            <a:r>
              <a:rPr lang="da-DK" sz="1000" noProof="1">
                <a:solidFill>
                  <a:schemeClr val="tx1">
                    <a:lumMod val="75000"/>
                    <a:lumOff val="25000"/>
                  </a:schemeClr>
                </a:solidFill>
              </a:rPr>
              <a:t>AU Passata Light</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3E1C1385-0D2D-47EC-92D2-622EA892B8C1}"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678918780"/>
      </p:ext>
    </p:extLst>
  </p:cSld>
  <p:clrMapOvr>
    <a:masterClrMapping/>
  </p:clrMapOvr>
  <p:transition spd="slow">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userDrawn="1">
  <p:cSld name="Title light">
    <p:bg>
      <p:bgPr>
        <a:solidFill>
          <a:srgbClr val="FFFFFF"/>
        </a:solidFill>
        <a:effectLst/>
      </p:bgPr>
    </p:bg>
    <p:spTree>
      <p:nvGrpSpPr>
        <p:cNvPr id="1" name=""/>
        <p:cNvGrpSpPr/>
        <p:nvPr/>
      </p:nvGrpSpPr>
      <p:grpSpPr>
        <a:xfrm>
          <a:off x="0" y="0"/>
          <a:ext cx="0" cy="0"/>
          <a:chOff x="0" y="0"/>
          <a:chExt cx="0" cy="0"/>
        </a:xfrm>
      </p:grpSpPr>
      <p:sp>
        <p:nvSpPr>
          <p:cNvPr id="34819" name="Title 1"/>
          <p:cNvSpPr>
            <a:spLocks noGrp="1" noChangeArrowheads="1"/>
          </p:cNvSpPr>
          <p:nvPr>
            <p:ph type="ctrTitle" hasCustomPrompt="1"/>
          </p:nvPr>
        </p:nvSpPr>
        <p:spPr>
          <a:xfrm>
            <a:off x="985839" y="1495526"/>
            <a:ext cx="10220325" cy="2492990"/>
          </a:xfrm>
        </p:spPr>
        <p:txBody>
          <a:bodyPr wrap="square" anchor="ctr" anchorCtr="0">
            <a:spAutoFit/>
          </a:bodyPr>
          <a:lstStyle>
            <a:lvl1pPr>
              <a:lnSpc>
                <a:spcPct val="90000"/>
              </a:lnSpc>
              <a:defRPr sz="5998" b="0" baseline="0">
                <a:solidFill>
                  <a:schemeClr val="bg1"/>
                </a:solidFill>
                <a:latin typeface="AU Passata Light" panose="020B0303030902030804" pitchFamily="34" charset="0"/>
              </a:defRPr>
            </a:lvl1pPr>
          </a:lstStyle>
          <a:p>
            <a:pPr lvl="0"/>
            <a:r>
              <a:rPr lang="da-DK" err="1"/>
              <a:t>Click</a:t>
            </a:r>
            <a:r>
              <a:rPr lang="da-DK"/>
              <a:t> to </a:t>
            </a:r>
            <a:r>
              <a:rPr lang="da-DK" err="1"/>
              <a:t>edit</a:t>
            </a:r>
            <a:r>
              <a:rPr lang="da-DK"/>
              <a:t> Master </a:t>
            </a:r>
            <a:r>
              <a:rPr lang="da-DK" err="1"/>
              <a:t>title</a:t>
            </a:r>
            <a:r>
              <a:rPr lang="da-DK"/>
              <a:t> styles</a:t>
            </a:r>
            <a:br>
              <a:rPr lang="da-DK"/>
            </a:br>
            <a:endParaRPr lang="da-DK"/>
          </a:p>
        </p:txBody>
      </p:sp>
      <p:sp>
        <p:nvSpPr>
          <p:cNvPr id="15" name="TextBox 14"/>
          <p:cNvSpPr txBox="1"/>
          <p:nvPr userDrawn="1"/>
        </p:nvSpPr>
        <p:spPr>
          <a:xfrm>
            <a:off x="-1973598" y="3082508"/>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sz="1799"/>
          </a:p>
          <a:p>
            <a:pPr algn="r">
              <a:lnSpc>
                <a:spcPct val="100000"/>
              </a:lnSpc>
            </a:pPr>
            <a:r>
              <a:rPr lang="da-DK" sz="1000" noProof="1">
                <a:solidFill>
                  <a:schemeClr val="tx1">
                    <a:lumMod val="75000"/>
                    <a:lumOff val="25000"/>
                  </a:schemeClr>
                </a:solidFill>
              </a:rPr>
              <a:t>AU Passata Bold</a:t>
            </a:r>
            <a:endParaRPr lang="da-DK" sz="4798"/>
          </a:p>
        </p:txBody>
      </p:sp>
      <p:sp>
        <p:nvSpPr>
          <p:cNvPr id="33"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4"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076" rIns="0" bIns="0" anchor="t" anchorCtr="0">
            <a:spAutoFit/>
          </a:bodyPr>
          <a:lstStyle/>
          <a:p>
            <a:pPr algn="r">
              <a:lnSpc>
                <a:spcPct val="95000"/>
              </a:lnSpc>
              <a:defRPr/>
            </a:pPr>
            <a:r>
              <a:rPr lang="da-DK" sz="700" b="0" cap="all" baseline="0">
                <a:solidFill>
                  <a:schemeClr val="bg1"/>
                </a:solidFill>
                <a:latin typeface="+mn-lt"/>
              </a:rPr>
              <a:t>DATO</a:t>
            </a:r>
          </a:p>
        </p:txBody>
      </p:sp>
      <p:sp>
        <p:nvSpPr>
          <p:cNvPr id="36"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076" rIns="0" bIns="0" anchor="t" anchorCtr="0">
            <a:spAutoFit/>
          </a:bodyPr>
          <a:lstStyle/>
          <a:p>
            <a:pPr algn="l">
              <a:lnSpc>
                <a:spcPct val="95000"/>
              </a:lnSpc>
              <a:defRPr/>
            </a:pPr>
            <a:r>
              <a:rPr lang="da-DK" sz="700" b="0" cap="all" baseline="0">
                <a:solidFill>
                  <a:schemeClr val="bg1"/>
                </a:solidFill>
                <a:latin typeface="+mn-lt"/>
              </a:rPr>
              <a:t>TITEL</a:t>
            </a:r>
          </a:p>
        </p:txBody>
      </p:sp>
      <p:sp>
        <p:nvSpPr>
          <p:cNvPr id="35"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r>
              <a:rPr lang="da-DK" sz="700" b="0" cap="all" baseline="0">
                <a:solidFill>
                  <a:schemeClr val="bg1"/>
                </a:solidFill>
                <a:latin typeface="+mn-lt"/>
              </a:rPr>
              <a:t>TIITEL</a:t>
            </a:r>
          </a:p>
        </p:txBody>
      </p:sp>
      <p:sp>
        <p:nvSpPr>
          <p:cNvPr id="37"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1911" rIns="0" bIns="0" anchor="t" anchorCtr="0">
            <a:spAutoFit/>
          </a:bodyPr>
          <a:lstStyle/>
          <a:p>
            <a:pPr algn="l">
              <a:lnSpc>
                <a:spcPct val="95000"/>
              </a:lnSpc>
              <a:defRPr/>
            </a:pPr>
            <a:r>
              <a:rPr lang="da-DK" sz="700" b="0" cap="all" baseline="0">
                <a:solidFill>
                  <a:schemeClr val="bg1"/>
                </a:solidFill>
                <a:latin typeface="+mn-lt"/>
              </a:rPr>
              <a:t>NAVN</a:t>
            </a:r>
          </a:p>
        </p:txBody>
      </p:sp>
      <p:sp>
        <p:nvSpPr>
          <p:cNvPr id="39"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6"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116893132" name="SecondaryLogo"/>
          <p:cNvPicPr>
            <a:picLocks noChangeAspect="1"/>
          </p:cNvPicPr>
          <p:nvPr/>
        </p:nvPicPr>
        <p:blipFill>
          <a:blip r:embed="rId3"/>
          <a:stretch>
            <a:fillRect/>
          </a:stretch>
        </p:blipFill>
        <p:spPr>
          <a:xfrm>
            <a:off x="10206001" y="5997600"/>
            <a:ext cx="1658237" cy="558000"/>
          </a:xfrm>
          <a:prstGeom prst="rect">
            <a:avLst/>
          </a:prstGeom>
        </p:spPr>
      </p:pic>
      <p:pic>
        <p:nvPicPr>
          <p:cNvPr id="18" name="Billede streg"/>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6073201" y="5997602"/>
            <a:ext cx="71734" cy="557999"/>
          </a:xfrm>
          <a:prstGeom prst="rect">
            <a:avLst/>
          </a:prstGeom>
        </p:spPr>
      </p:pic>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3DDBDD4D-7EF2-4562-A5AE-9267F622B2F2}" type="datetime1">
              <a:rPr lang="da-DK" smtClean="0"/>
              <a:t>09-04-2026</a:t>
            </a:fld>
            <a:r>
              <a:rPr lang="da-DK"/>
              <a:t>18-08-2024</a:t>
            </a:r>
          </a:p>
        </p:txBody>
      </p:sp>
      <p:sp>
        <p:nvSpPr>
          <p:cNvPr id="3" name="Footer Placeholder 2" hidden="1"/>
          <p:cNvSpPr>
            <a:spLocks noGrp="1"/>
          </p:cNvSpPr>
          <p:nvPr>
            <p:ph type="ftr" sz="quarter" idx="11"/>
          </p:nvPr>
        </p:nvSpPr>
        <p:spPr/>
        <p:txBody>
          <a:bodyPr/>
          <a:lstStyle/>
          <a:p>
            <a:endParaRPr lang="da-DK"/>
          </a:p>
        </p:txBody>
      </p:sp>
      <p:pic>
        <p:nvPicPr>
          <p:cNvPr id="5" name="SecondaryLogo_sort">
            <a:extLst>
              <a:ext uri="{FF2B5EF4-FFF2-40B4-BE49-F238E27FC236}">
                <a16:creationId xmlns:a16="http://schemas.microsoft.com/office/drawing/2014/main" id="{4E68FC47-DEEC-A489-646A-D8C49353A11A}"/>
              </a:ext>
            </a:extLst>
          </p:cNvPr>
          <p:cNvPicPr>
            <a:picLocks noChangeAspect="1"/>
          </p:cNvPicPr>
          <p:nvPr userDrawn="1"/>
        </p:nvPicPr>
        <p:blipFill>
          <a:blip r:embed="rId5"/>
          <a:stretch>
            <a:fillRect/>
          </a:stretch>
        </p:blipFill>
        <p:spPr>
          <a:xfrm>
            <a:off x="10358401" y="6150000"/>
            <a:ext cx="1658237" cy="558000"/>
          </a:xfrm>
          <a:prstGeom prst="rect">
            <a:avLst/>
          </a:prstGeom>
        </p:spPr>
      </p:pic>
    </p:spTree>
    <p:extLst>
      <p:ext uri="{BB962C8B-B14F-4D97-AF65-F5344CB8AC3E}">
        <p14:creationId xmlns:p14="http://schemas.microsoft.com/office/powerpoint/2010/main" val="350797074"/>
      </p:ext>
    </p:extLst>
  </p:cSld>
  <p:clrMapOvr>
    <a:masterClrMapping/>
  </p:clrMapOvr>
  <p:transition spd="slow">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itle light">
    <p:bg>
      <p:bgPr>
        <a:solidFill>
          <a:srgbClr val="CEDAD8"/>
        </a:solidFill>
        <a:effectLst/>
      </p:bgPr>
    </p:bg>
    <p:spTree>
      <p:nvGrpSpPr>
        <p:cNvPr id="1" name=""/>
        <p:cNvGrpSpPr/>
        <p:nvPr/>
      </p:nvGrpSpPr>
      <p:grpSpPr>
        <a:xfrm>
          <a:off x="0" y="0"/>
          <a:ext cx="0" cy="0"/>
          <a:chOff x="0" y="0"/>
          <a:chExt cx="0" cy="0"/>
        </a:xfrm>
      </p:grpSpPr>
      <p:sp>
        <p:nvSpPr>
          <p:cNvPr id="34819" name="Title 1"/>
          <p:cNvSpPr>
            <a:spLocks noGrp="1" noChangeArrowheads="1"/>
          </p:cNvSpPr>
          <p:nvPr>
            <p:ph type="ctrTitle" hasCustomPrompt="1"/>
          </p:nvPr>
        </p:nvSpPr>
        <p:spPr>
          <a:xfrm>
            <a:off x="985839" y="1911025"/>
            <a:ext cx="10220325" cy="1661993"/>
          </a:xfrm>
        </p:spPr>
        <p:txBody>
          <a:bodyPr wrap="square" anchor="ctr" anchorCtr="0">
            <a:spAutoFit/>
          </a:bodyPr>
          <a:lstStyle>
            <a:lvl1pPr>
              <a:lnSpc>
                <a:spcPct val="90000"/>
              </a:lnSpc>
              <a:defRPr sz="5998" b="0" baseline="0">
                <a:solidFill>
                  <a:schemeClr val="bg1"/>
                </a:solidFill>
                <a:latin typeface="AU Passata Light" panose="020B0303030902030804" pitchFamily="34" charset="0"/>
              </a:defRPr>
            </a:lvl1pPr>
          </a:lstStyle>
          <a:p>
            <a:pPr lvl="0"/>
            <a:r>
              <a:rPr lang="da-DK"/>
              <a:t>Klik for at </a:t>
            </a:r>
            <a:br>
              <a:rPr lang="da-DK"/>
            </a:br>
            <a:r>
              <a:rPr lang="da-DK"/>
              <a:t>indsætte titel</a:t>
            </a:r>
          </a:p>
        </p:txBody>
      </p:sp>
      <p:sp>
        <p:nvSpPr>
          <p:cNvPr id="15" name="TextBox 14"/>
          <p:cNvSpPr txBox="1"/>
          <p:nvPr userDrawn="1"/>
        </p:nvSpPr>
        <p:spPr>
          <a:xfrm>
            <a:off x="-1973598" y="3082508"/>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sz="1799"/>
          </a:p>
          <a:p>
            <a:pPr algn="r">
              <a:lnSpc>
                <a:spcPct val="100000"/>
              </a:lnSpc>
            </a:pPr>
            <a:r>
              <a:rPr lang="da-DK" sz="1000" noProof="1">
                <a:solidFill>
                  <a:schemeClr val="tx1">
                    <a:lumMod val="75000"/>
                    <a:lumOff val="25000"/>
                  </a:schemeClr>
                </a:solidFill>
              </a:rPr>
              <a:t>AU Passata Bold</a:t>
            </a:r>
            <a:endParaRPr lang="da-DK" sz="4798"/>
          </a:p>
        </p:txBody>
      </p:sp>
      <p:sp>
        <p:nvSpPr>
          <p:cNvPr id="39" name="OFF_logo1Computed"/>
          <p:cNvSpPr/>
          <p:nvPr userDrawn="1"/>
        </p:nvSpPr>
        <p:spPr bwMode="auto">
          <a:xfrm flipH="1">
            <a:off x="972065" y="5997600"/>
            <a:ext cx="1780661" cy="589622"/>
          </a:xfrm>
          <a:prstGeom prst="rect">
            <a:avLst/>
          </a:prstGeom>
          <a:noFill/>
          <a:ln w="1778" cap="flat" cmpd="sng" algn="ctr">
            <a:noFill/>
            <a:prstDash val="solid"/>
            <a:round/>
            <a:headEnd type="none" w="med" len="med"/>
            <a:tailEnd type="none" w="med" len="med"/>
          </a:ln>
          <a:effectLst/>
        </p:spPr>
        <p:txBody>
          <a:bodyPr vert="horz" wrap="squar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6"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116893132" name="SecondaryLogo"/>
          <p:cNvPicPr>
            <a:picLocks noChangeAspect="1"/>
          </p:cNvPicPr>
          <p:nvPr userDrawn="1"/>
        </p:nvPicPr>
        <p:blipFill>
          <a:blip r:embed="rId3"/>
          <a:stretch>
            <a:fillRect/>
          </a:stretch>
        </p:blipFill>
        <p:spPr>
          <a:xfrm>
            <a:off x="10206001" y="5997600"/>
            <a:ext cx="1658237" cy="558000"/>
          </a:xfrm>
          <a:prstGeom prst="rect">
            <a:avLst/>
          </a:prstGeom>
        </p:spPr>
      </p:pic>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CBDA7FD6-8E4A-400C-8ADC-9DC3D9881352}"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102074316"/>
      </p:ext>
    </p:extLst>
  </p:cSld>
  <p:clrMapOvr>
    <a:masterClrMapping/>
  </p:clrMapOvr>
  <p:transition spd="slow">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itle bold">
    <p:spTree>
      <p:nvGrpSpPr>
        <p:cNvPr id="1" name=""/>
        <p:cNvGrpSpPr/>
        <p:nvPr/>
      </p:nvGrpSpPr>
      <p:grpSpPr>
        <a:xfrm>
          <a:off x="0" y="0"/>
          <a:ext cx="0" cy="0"/>
          <a:chOff x="0" y="0"/>
          <a:chExt cx="0" cy="0"/>
        </a:xfrm>
      </p:grpSpPr>
      <p:sp>
        <p:nvSpPr>
          <p:cNvPr id="22"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34819" name="Title 1"/>
          <p:cNvSpPr>
            <a:spLocks noGrp="1" noChangeArrowheads="1"/>
          </p:cNvSpPr>
          <p:nvPr>
            <p:ph type="ctrTitle" hasCustomPrompt="1"/>
          </p:nvPr>
        </p:nvSpPr>
        <p:spPr>
          <a:xfrm>
            <a:off x="985839" y="1911025"/>
            <a:ext cx="10220325" cy="1661993"/>
          </a:xfrm>
        </p:spPr>
        <p:txBody>
          <a:bodyPr wrap="square" anchor="ctr" anchorCtr="0">
            <a:spAutoFit/>
          </a:bodyPr>
          <a:lstStyle>
            <a:lvl1pPr>
              <a:lnSpc>
                <a:spcPct val="90000"/>
              </a:lnSpc>
              <a:defRPr sz="5998" baseline="0">
                <a:solidFill>
                  <a:schemeClr val="bg1"/>
                </a:solidFill>
                <a:latin typeface="+mn-lt"/>
              </a:defRPr>
            </a:lvl1pPr>
          </a:lstStyle>
          <a:p>
            <a:pPr lvl="0"/>
            <a:r>
              <a:rPr lang="da-DK"/>
              <a:t>Klik for at </a:t>
            </a:r>
            <a:br>
              <a:rPr lang="da-DK"/>
            </a:br>
            <a:r>
              <a:rPr lang="da-DK"/>
              <a:t>indsætte titel</a:t>
            </a:r>
          </a:p>
        </p:txBody>
      </p:sp>
      <p:sp>
        <p:nvSpPr>
          <p:cNvPr id="14" name="TextBox 13"/>
          <p:cNvSpPr txBox="1"/>
          <p:nvPr userDrawn="1"/>
        </p:nvSpPr>
        <p:spPr>
          <a:xfrm>
            <a:off x="-1973598" y="3082508"/>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sz="1799"/>
          </a:p>
          <a:p>
            <a:pPr algn="r">
              <a:lnSpc>
                <a:spcPct val="100000"/>
              </a:lnSpc>
            </a:pPr>
            <a:r>
              <a:rPr lang="da-DK" sz="1000" noProof="1">
                <a:solidFill>
                  <a:schemeClr val="tx1">
                    <a:lumMod val="75000"/>
                    <a:lumOff val="25000"/>
                  </a:schemeClr>
                </a:solidFill>
              </a:rPr>
              <a:t>AU Passata Light</a:t>
            </a:r>
            <a:endParaRPr lang="da-DK" sz="4798"/>
          </a:p>
        </p:txBody>
      </p:sp>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a:noFill/>
        </p:spPr>
      </p:pic>
      <p:pic>
        <p:nvPicPr>
          <p:cNvPr id="614507352" name="SecondaryLogo"/>
          <p:cNvPicPr>
            <a:picLocks noChangeAspect="1"/>
          </p:cNvPicPr>
          <p:nvPr/>
        </p:nvPicPr>
        <p:blipFill>
          <a:blip r:embed="rId3"/>
          <a:stretch>
            <a:fillRect/>
          </a:stretch>
        </p:blipFill>
        <p:spPr>
          <a:xfrm>
            <a:off x="10206001" y="5997600"/>
            <a:ext cx="1658237" cy="558000"/>
          </a:xfrm>
          <a:prstGeom prst="rect">
            <a:avLst/>
          </a:prstGeom>
        </p:spPr>
      </p:pic>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6EA9B934-2186-4AEB-B369-BAFA3AF91009}"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887222459"/>
      </p:ext>
    </p:extLst>
  </p:cSld>
  <p:clrMapOvr>
    <a:masterClrMapping/>
  </p:clrMapOvr>
  <p:transition spd="slow">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Title with subtitle">
    <p:spTree>
      <p:nvGrpSpPr>
        <p:cNvPr id="1" name=""/>
        <p:cNvGrpSpPr/>
        <p:nvPr/>
      </p:nvGrpSpPr>
      <p:grpSpPr>
        <a:xfrm>
          <a:off x="0" y="0"/>
          <a:ext cx="0" cy="0"/>
          <a:chOff x="0" y="0"/>
          <a:chExt cx="0" cy="0"/>
        </a:xfrm>
      </p:grpSpPr>
      <p:sp>
        <p:nvSpPr>
          <p:cNvPr id="21"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34819" name="Title 1"/>
          <p:cNvSpPr>
            <a:spLocks noGrp="1" noChangeArrowheads="1"/>
          </p:cNvSpPr>
          <p:nvPr>
            <p:ph type="ctrTitle" hasCustomPrompt="1"/>
          </p:nvPr>
        </p:nvSpPr>
        <p:spPr>
          <a:xfrm>
            <a:off x="981845" y="1772818"/>
            <a:ext cx="9543307" cy="1779553"/>
          </a:xfrm>
        </p:spPr>
        <p:txBody>
          <a:bodyPr wrap="square" anchor="b" anchorCtr="0">
            <a:noAutofit/>
          </a:bodyPr>
          <a:lstStyle>
            <a:lvl1pPr>
              <a:lnSpc>
                <a:spcPct val="90000"/>
              </a:lnSpc>
              <a:defRPr sz="5998" baseline="0">
                <a:solidFill>
                  <a:schemeClr val="bg1"/>
                </a:solidFill>
                <a:latin typeface="+mn-lt"/>
              </a:defRPr>
            </a:lvl1pPr>
          </a:lstStyle>
          <a:p>
            <a:pPr lvl="0"/>
            <a:r>
              <a:rPr lang="da-DK"/>
              <a:t>Klik for at </a:t>
            </a:r>
            <a:br>
              <a:rPr lang="da-DK"/>
            </a:br>
            <a:r>
              <a:rPr lang="da-DK"/>
              <a:t>indsætte titel</a:t>
            </a:r>
          </a:p>
        </p:txBody>
      </p:sp>
      <p:sp>
        <p:nvSpPr>
          <p:cNvPr id="4" name="Text Placeholder 3"/>
          <p:cNvSpPr>
            <a:spLocks noGrp="1"/>
          </p:cNvSpPr>
          <p:nvPr>
            <p:ph type="body" sz="quarter" idx="11" hasCustomPrompt="1"/>
          </p:nvPr>
        </p:nvSpPr>
        <p:spPr>
          <a:xfrm>
            <a:off x="985837" y="3572641"/>
            <a:ext cx="9539313" cy="1746085"/>
          </a:xfrm>
        </p:spPr>
        <p:txBody>
          <a:bodyPr/>
          <a:lstStyle>
            <a:lvl1pPr marL="0" indent="0">
              <a:lnSpc>
                <a:spcPct val="90000"/>
              </a:lnSpc>
              <a:buFontTx/>
              <a:buNone/>
              <a:defRPr sz="3999" b="0">
                <a:solidFill>
                  <a:schemeClr val="bg1"/>
                </a:solidFill>
                <a:latin typeface="AU Passata Light" panose="020B0303030902030804" pitchFamily="34" charset="77"/>
              </a:defRPr>
            </a:lvl1pPr>
            <a:lvl2pPr marL="251924" indent="0">
              <a:buNone/>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indsætte tekst</a:t>
            </a:r>
          </a:p>
        </p:txBody>
      </p:sp>
      <p:sp>
        <p:nvSpPr>
          <p:cNvPr id="38"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43"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183336059" name="SecondaryLogo"/>
          <p:cNvPicPr>
            <a:picLocks noChangeAspect="1"/>
          </p:cNvPicPr>
          <p:nvPr/>
        </p:nvPicPr>
        <p:blipFill>
          <a:blip r:embed="rId3"/>
          <a:stretch>
            <a:fillRect/>
          </a:stretch>
        </p:blipFill>
        <p:spPr>
          <a:xfrm>
            <a:off x="10206001" y="5997600"/>
            <a:ext cx="1658237" cy="558000"/>
          </a:xfrm>
          <a:prstGeom prst="rect">
            <a:avLst/>
          </a:prstGeom>
        </p:spPr>
      </p:pic>
      <p:sp>
        <p:nvSpPr>
          <p:cNvPr id="5" name="Slide Number Placeholder 4"/>
          <p:cNvSpPr>
            <a:spLocks noGrp="1"/>
          </p:cNvSpPr>
          <p:nvPr>
            <p:ph type="sldNum" sz="quarter" idx="14"/>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2"/>
          </p:nvPr>
        </p:nvSpPr>
        <p:spPr/>
        <p:txBody>
          <a:bodyPr/>
          <a:lstStyle/>
          <a:p>
            <a:fld id="{ACA03E94-D5E5-44BD-9F06-70FE67C76AEB}" type="datetime1">
              <a:rPr lang="da-DK" smtClean="0"/>
              <a:t>09-04-2026</a:t>
            </a:fld>
            <a:r>
              <a:rPr lang="da-DK"/>
              <a:t>18-08-2024</a:t>
            </a:r>
          </a:p>
        </p:txBody>
      </p:sp>
      <p:sp>
        <p:nvSpPr>
          <p:cNvPr id="3" name="Footer Placeholder 2" hidden="1"/>
          <p:cNvSpPr>
            <a:spLocks noGrp="1"/>
          </p:cNvSpPr>
          <p:nvPr>
            <p:ph type="ftr" sz="quarter" idx="13"/>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73143387"/>
      </p:ext>
    </p:extLst>
  </p:cSld>
  <p:clrMapOvr>
    <a:masterClrMapping/>
  </p:clrMapOvr>
  <p:transition spd="slow">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itle preheader and content">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985839" y="889172"/>
            <a:ext cx="10887075" cy="826973"/>
          </a:xfrm>
        </p:spPr>
        <p:txBody>
          <a:bodyPr anchor="t" anchorCtr="0"/>
          <a:lstStyle>
            <a:lvl1pPr>
              <a:defRPr>
                <a:solidFill>
                  <a:schemeClr val="tx1"/>
                </a:solidFill>
              </a:defRPr>
            </a:lvl1pPr>
          </a:lstStyle>
          <a:p>
            <a:r>
              <a:rPr lang="da-DK"/>
              <a:t>Klik for at indsætte titel</a:t>
            </a:r>
          </a:p>
        </p:txBody>
      </p:sp>
      <p:sp>
        <p:nvSpPr>
          <p:cNvPr id="3" name="Content Placeholder 2"/>
          <p:cNvSpPr>
            <a:spLocks noGrp="1"/>
          </p:cNvSpPr>
          <p:nvPr>
            <p:ph idx="1" hasCustomPrompt="1"/>
          </p:nvPr>
        </p:nvSpPr>
        <p:spPr>
          <a:xfrm>
            <a:off x="985839" y="1960079"/>
            <a:ext cx="10220325" cy="3937484"/>
          </a:xfrm>
        </p:spPr>
        <p:txBody>
          <a:bodyPr/>
          <a:lstStyle>
            <a:lvl1pPr marL="0" indent="0">
              <a:buFont typeface="Calibri" panose="020F0502020204030204" pitchFamily="34" charset="0"/>
              <a:buChar char="​"/>
              <a:defRPr sz="2999">
                <a:solidFill>
                  <a:schemeClr val="tx1"/>
                </a:solidFill>
              </a:defRPr>
            </a:lvl1pPr>
            <a:lvl2pPr>
              <a:defRPr sz="2999">
                <a:solidFill>
                  <a:schemeClr val="tx1"/>
                </a:solidFill>
              </a:defRPr>
            </a:lvl2pPr>
            <a:lvl3pPr>
              <a:defRPr sz="2999">
                <a:solidFill>
                  <a:schemeClr val="tx1"/>
                </a:solidFill>
              </a:defRPr>
            </a:lvl3pPr>
            <a:lvl4pPr>
              <a:defRPr sz="2999">
                <a:solidFill>
                  <a:schemeClr val="tx1"/>
                </a:solidFill>
              </a:defRPr>
            </a:lvl4pPr>
            <a:lvl5pPr>
              <a:defRPr sz="2999">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C79D9966-68A1-41FE-B9AC-6F3CCED36C9C}"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
        <p:nvSpPr>
          <p:cNvPr id="4" name="Content Placeholder 2">
            <a:extLst>
              <a:ext uri="{FF2B5EF4-FFF2-40B4-BE49-F238E27FC236}">
                <a16:creationId xmlns:a16="http://schemas.microsoft.com/office/drawing/2014/main" id="{F3CA422C-9990-5CC0-B923-D931FE9FC47E}"/>
              </a:ext>
            </a:extLst>
          </p:cNvPr>
          <p:cNvSpPr>
            <a:spLocks noGrp="1"/>
          </p:cNvSpPr>
          <p:nvPr>
            <p:ph idx="13" hasCustomPrompt="1"/>
          </p:nvPr>
        </p:nvSpPr>
        <p:spPr>
          <a:xfrm>
            <a:off x="985839" y="315915"/>
            <a:ext cx="10220325" cy="376783"/>
          </a:xfrm>
        </p:spPr>
        <p:txBody>
          <a:bodyPr/>
          <a:lstStyle>
            <a:lvl1pPr marL="0" indent="0">
              <a:buFont typeface="Calibri" panose="020F0502020204030204" pitchFamily="34" charset="0"/>
              <a:buChar char="​"/>
              <a:defRPr sz="1999">
                <a:solidFill>
                  <a:schemeClr val="tx1"/>
                </a:solidFill>
                <a:latin typeface="AU Passata Light" panose="020B0303030902030804" pitchFamily="34" charset="77"/>
              </a:defRPr>
            </a:lvl1pPr>
            <a:lvl2pPr>
              <a:defRPr sz="2999">
                <a:solidFill>
                  <a:srgbClr val="002546"/>
                </a:solidFill>
              </a:defRPr>
            </a:lvl2pPr>
            <a:lvl3pPr>
              <a:defRPr sz="2999">
                <a:solidFill>
                  <a:srgbClr val="002546"/>
                </a:solidFill>
              </a:defRPr>
            </a:lvl3pPr>
            <a:lvl4pPr>
              <a:defRPr sz="2999">
                <a:solidFill>
                  <a:srgbClr val="002546"/>
                </a:solidFill>
              </a:defRPr>
            </a:lvl4pPr>
            <a:lvl5pPr>
              <a:defRPr sz="2999">
                <a:solidFill>
                  <a:srgbClr val="002546"/>
                </a:solidFill>
              </a:defRPr>
            </a:lvl5pPr>
          </a:lstStyle>
          <a:p>
            <a:pPr lvl="0"/>
            <a:r>
              <a:rPr lang="da-DK"/>
              <a:t>KLIK FOR AT INDSÆTTE TEKST</a:t>
            </a:r>
          </a:p>
        </p:txBody>
      </p:sp>
    </p:spTree>
    <p:extLst>
      <p:ext uri="{BB962C8B-B14F-4D97-AF65-F5344CB8AC3E}">
        <p14:creationId xmlns:p14="http://schemas.microsoft.com/office/powerpoint/2010/main" val="2514428877"/>
      </p:ext>
    </p:extLst>
  </p:cSld>
  <p:clrMapOvr>
    <a:masterClrMapping/>
  </p:clrMapOvr>
  <p:transition spd="slow">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itle two lines and content">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985839" y="315913"/>
            <a:ext cx="10887075" cy="1240878"/>
          </a:xfrm>
        </p:spPr>
        <p:txBody>
          <a:bodyPr anchor="t" anchorCtr="0"/>
          <a:lstStyle>
            <a:lvl1pPr>
              <a:defRPr>
                <a:solidFill>
                  <a:schemeClr val="tx1"/>
                </a:solidFill>
              </a:defRPr>
            </a:lvl1pPr>
          </a:lstStyle>
          <a:p>
            <a:r>
              <a:rPr lang="da-DK"/>
              <a:t>Klik for at indsætte titel</a:t>
            </a:r>
          </a:p>
        </p:txBody>
      </p:sp>
      <p:sp>
        <p:nvSpPr>
          <p:cNvPr id="3" name="Content Placeholder 2"/>
          <p:cNvSpPr>
            <a:spLocks noGrp="1"/>
          </p:cNvSpPr>
          <p:nvPr>
            <p:ph idx="1" hasCustomPrompt="1"/>
          </p:nvPr>
        </p:nvSpPr>
        <p:spPr>
          <a:xfrm>
            <a:off x="985839" y="1960079"/>
            <a:ext cx="10220325" cy="3937484"/>
          </a:xfrm>
        </p:spPr>
        <p:txBody>
          <a:bodyPr/>
          <a:lstStyle>
            <a:lvl1pPr marL="0" indent="0">
              <a:buFont typeface="Calibri" panose="020F0502020204030204" pitchFamily="34" charset="0"/>
              <a:buChar char="​"/>
              <a:defRPr sz="2999">
                <a:solidFill>
                  <a:schemeClr val="tx1"/>
                </a:solidFill>
              </a:defRPr>
            </a:lvl1pPr>
            <a:lvl2pPr>
              <a:defRPr sz="2999">
                <a:solidFill>
                  <a:schemeClr val="tx1"/>
                </a:solidFill>
              </a:defRPr>
            </a:lvl2pPr>
            <a:lvl3pPr>
              <a:defRPr sz="2999">
                <a:solidFill>
                  <a:schemeClr val="tx1"/>
                </a:solidFill>
              </a:defRPr>
            </a:lvl3pPr>
            <a:lvl4pPr>
              <a:defRPr sz="2999">
                <a:solidFill>
                  <a:schemeClr val="tx1"/>
                </a:solidFill>
              </a:defRPr>
            </a:lvl4pPr>
            <a:lvl5pPr>
              <a:defRPr sz="2999">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5" name="TextBox 4"/>
          <p:cNvSpPr txBox="1"/>
          <p:nvPr userDrawn="1"/>
        </p:nvSpPr>
        <p:spPr>
          <a:xfrm>
            <a:off x="-1973598" y="340163"/>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sz="1799"/>
          </a:p>
          <a:p>
            <a:pPr algn="r">
              <a:lnSpc>
                <a:spcPct val="100000"/>
              </a:lnSpc>
            </a:pPr>
            <a:r>
              <a:rPr lang="da-DK" sz="1000" baseline="0" noProof="1">
                <a:solidFill>
                  <a:schemeClr val="tx1">
                    <a:lumMod val="75000"/>
                    <a:lumOff val="25000"/>
                  </a:schemeClr>
                </a:solidFill>
              </a:rPr>
              <a:t>ændr evt. 2. linje til</a:t>
            </a:r>
            <a:endParaRPr lang="da-DK" sz="1799"/>
          </a:p>
          <a:p>
            <a:pPr algn="r">
              <a:lnSpc>
                <a:spcPct val="100000"/>
              </a:lnSpc>
            </a:pPr>
            <a:r>
              <a:rPr lang="da-DK" sz="1000" noProof="1">
                <a:solidFill>
                  <a:schemeClr val="tx1">
                    <a:lumMod val="75000"/>
                    <a:lumOff val="25000"/>
                  </a:schemeClr>
                </a:solidFill>
              </a:rPr>
              <a:t>AU Passata Light</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DBEAA3D2-3E37-4A46-A99D-4D49724C2BBC}"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974312645"/>
      </p:ext>
    </p:extLst>
  </p:cSld>
  <p:clrMapOvr>
    <a:masterClrMapping/>
  </p:clrMapOvr>
  <p:transition spd="slow">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One line title and content">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985838" y="315915"/>
            <a:ext cx="10886075" cy="664815"/>
          </a:xfrm>
        </p:spPr>
        <p:txBody>
          <a:bodyPr anchor="t" anchorCtr="0"/>
          <a:lstStyle>
            <a:lvl1pPr>
              <a:defRPr>
                <a:solidFill>
                  <a:schemeClr val="tx1"/>
                </a:solidFill>
              </a:defRPr>
            </a:lvl1pPr>
          </a:lstStyle>
          <a:p>
            <a:pPr lvl="0"/>
            <a:r>
              <a:rPr lang="da-DK"/>
              <a:t>Klik for at indsætte titel</a:t>
            </a:r>
          </a:p>
        </p:txBody>
      </p:sp>
      <p:sp>
        <p:nvSpPr>
          <p:cNvPr id="3" name="Content Placeholder 2"/>
          <p:cNvSpPr>
            <a:spLocks noGrp="1"/>
          </p:cNvSpPr>
          <p:nvPr>
            <p:ph idx="1" hasCustomPrompt="1"/>
          </p:nvPr>
        </p:nvSpPr>
        <p:spPr>
          <a:xfrm>
            <a:off x="985839" y="1373189"/>
            <a:ext cx="10220325" cy="4521198"/>
          </a:xfrm>
        </p:spPr>
        <p:txBody>
          <a:bodyPr/>
          <a:lstStyle>
            <a:lvl1pPr marL="0" indent="0">
              <a:buFont typeface="Calibri" panose="020F0502020204030204" pitchFamily="34" charset="0"/>
              <a:buChar char="​"/>
              <a:defRPr sz="2999">
                <a:solidFill>
                  <a:schemeClr val="tx1"/>
                </a:solidFill>
              </a:defRPr>
            </a:lvl1pPr>
            <a:lvl2pPr>
              <a:defRPr sz="2999">
                <a:solidFill>
                  <a:schemeClr val="tx1"/>
                </a:solidFill>
              </a:defRPr>
            </a:lvl2pPr>
            <a:lvl3pPr>
              <a:defRPr sz="2999">
                <a:solidFill>
                  <a:schemeClr val="tx1"/>
                </a:solidFill>
              </a:defRPr>
            </a:lvl3pPr>
            <a:lvl4pPr>
              <a:defRPr sz="2999">
                <a:solidFill>
                  <a:schemeClr val="tx1"/>
                </a:solidFill>
              </a:defRPr>
            </a:lvl4pPr>
            <a:lvl5pPr>
              <a:defRPr sz="2999">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18" name="TextBox 17"/>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A7A1DCA2-5AEC-49F1-AA9D-0C9A581BF331}"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840066221"/>
      </p:ext>
    </p:extLst>
  </p:cSld>
  <p:clrMapOvr>
    <a:masterClrMapping/>
  </p:clrMapOvr>
  <p:transition spd="slow">
    <p:fade/>
  </p:transition>
  <p:extLst>
    <p:ext uri="{DCECCB84-F9BA-43D5-87BE-67443E8EF086}">
      <p15:sldGuideLst xmlns:p15="http://schemas.microsoft.com/office/powerpoint/2012/main">
        <p15:guide id="1" orient="horz" pos="865">
          <p15:clr>
            <a:srgbClr val="00000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Big header and content">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985837" y="315915"/>
            <a:ext cx="4964113" cy="664815"/>
          </a:xfrm>
        </p:spPr>
        <p:txBody>
          <a:bodyPr anchor="t" anchorCtr="0"/>
          <a:lstStyle>
            <a:lvl1pPr>
              <a:defRPr>
                <a:solidFill>
                  <a:schemeClr val="tx1"/>
                </a:solidFill>
              </a:defRPr>
            </a:lvl1pPr>
          </a:lstStyle>
          <a:p>
            <a:pPr lvl="0"/>
            <a:r>
              <a:rPr lang="da-DK"/>
              <a:t>Klik for at indsætte titel</a:t>
            </a:r>
          </a:p>
        </p:txBody>
      </p:sp>
      <p:sp>
        <p:nvSpPr>
          <p:cNvPr id="3" name="Content Placeholder 2"/>
          <p:cNvSpPr>
            <a:spLocks noGrp="1"/>
          </p:cNvSpPr>
          <p:nvPr>
            <p:ph idx="1" hasCustomPrompt="1"/>
          </p:nvPr>
        </p:nvSpPr>
        <p:spPr>
          <a:xfrm>
            <a:off x="6238429" y="315913"/>
            <a:ext cx="4967735" cy="5578474"/>
          </a:xfrm>
        </p:spPr>
        <p:txBody>
          <a:bodyPr/>
          <a:lstStyle>
            <a:lvl1pPr marL="0" indent="0">
              <a:buFont typeface="Calibri" panose="020F0502020204030204" pitchFamily="34" charset="0"/>
              <a:buChar char="​"/>
              <a:defRPr sz="2399">
                <a:solidFill>
                  <a:schemeClr val="tx1"/>
                </a:solidFill>
              </a:defRPr>
            </a:lvl1pPr>
            <a:lvl2pPr>
              <a:defRPr sz="2399">
                <a:solidFill>
                  <a:schemeClr val="tx1"/>
                </a:solidFill>
              </a:defRPr>
            </a:lvl2pPr>
            <a:lvl3pPr>
              <a:defRPr sz="2399">
                <a:solidFill>
                  <a:schemeClr val="tx1"/>
                </a:solidFill>
              </a:defRPr>
            </a:lvl3pPr>
            <a:lvl4pPr>
              <a:defRPr sz="2399">
                <a:solidFill>
                  <a:schemeClr val="tx1"/>
                </a:solidFill>
              </a:defRPr>
            </a:lvl4pPr>
            <a:lvl5pPr>
              <a:defRPr sz="2399">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a:p>
            <a:pPr lvl="4"/>
            <a:endParaRPr lang="da-DK"/>
          </a:p>
        </p:txBody>
      </p:sp>
      <p:sp>
        <p:nvSpPr>
          <p:cNvPr id="18" name="TextBox 17"/>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8471AC3A-1AEE-4B38-B83B-5ED03356B2A3}"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1231686845"/>
      </p:ext>
    </p:extLst>
  </p:cSld>
  <p:clrMapOvr>
    <a:masterClrMapping/>
  </p:clrMapOvr>
  <p:transition spd="slow">
    <p:fade/>
  </p:transition>
  <p:extLst>
    <p:ext uri="{DCECCB84-F9BA-43D5-87BE-67443E8EF086}">
      <p15:sldGuideLst xmlns:p15="http://schemas.microsoft.com/office/powerpoint/2012/main">
        <p15:guide id="1" orient="horz" pos="865">
          <p15:clr>
            <a:srgbClr val="00000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ne line title and bullet text">
    <p:spTree>
      <p:nvGrpSpPr>
        <p:cNvPr id="1" name=""/>
        <p:cNvGrpSpPr/>
        <p:nvPr/>
      </p:nvGrpSpPr>
      <p:grpSpPr>
        <a:xfrm>
          <a:off x="0" y="0"/>
          <a:ext cx="0" cy="0"/>
          <a:chOff x="0" y="0"/>
          <a:chExt cx="0" cy="0"/>
        </a:xfrm>
      </p:grpSpPr>
      <p:sp>
        <p:nvSpPr>
          <p:cNvPr id="5" name="Hvid baggrund"/>
          <p:cNvSpPr/>
          <p:nvPr userDrawn="1"/>
        </p:nvSpPr>
        <p:spPr bwMode="auto">
          <a:xfrm>
            <a:off x="0" y="-1"/>
            <a:ext cx="12193200" cy="5894387"/>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6" name="Black Rectangle"/>
          <p:cNvSpPr/>
          <p:nvPr userDrawn="1"/>
        </p:nvSpPr>
        <p:spPr>
          <a:xfrm>
            <a:off x="990000" y="1045684"/>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4" name="Title 1"/>
          <p:cNvSpPr>
            <a:spLocks noGrp="1"/>
          </p:cNvSpPr>
          <p:nvPr>
            <p:ph type="title"/>
          </p:nvPr>
        </p:nvSpPr>
        <p:spPr>
          <a:xfrm>
            <a:off x="315913" y="228627"/>
            <a:ext cx="11556000" cy="752101"/>
          </a:xfrm>
        </p:spPr>
        <p:txBody>
          <a:bodyPr anchor="t" anchorCtr="0"/>
          <a:lstStyle/>
          <a:p>
            <a:r>
              <a:rPr lang="da-DK"/>
              <a:t>Click to edit Master title style</a:t>
            </a:r>
          </a:p>
        </p:txBody>
      </p:sp>
      <p:sp>
        <p:nvSpPr>
          <p:cNvPr id="3" name="Content Placeholder 2"/>
          <p:cNvSpPr>
            <a:spLocks noGrp="1"/>
          </p:cNvSpPr>
          <p:nvPr>
            <p:ph idx="1"/>
          </p:nvPr>
        </p:nvSpPr>
        <p:spPr>
          <a:xfrm>
            <a:off x="985838" y="1373021"/>
            <a:ext cx="10220325" cy="4521366"/>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18" name="TextBox 17"/>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87E50564-0F36-43C0-9792-514BC55998C1}" type="datetime1">
              <a:rPr lang="da-DK" smtClean="0"/>
              <a:t>09-04-2026</a:t>
            </a:fld>
            <a:endParaRPr lang="da-DK"/>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3997128513"/>
      </p:ext>
    </p:extLst>
  </p:cSld>
  <p:clrMapOvr>
    <a:masterClrMapping/>
  </p:clrMapOvr>
  <p:extLst>
    <p:ext uri="{DCECCB84-F9BA-43D5-87BE-67443E8EF086}">
      <p15:sldGuideLst xmlns:p15="http://schemas.microsoft.com/office/powerpoint/2012/main">
        <p15:guide id="1" orient="horz" pos="865" userDrawn="1">
          <p15:clr>
            <a:srgbClr val="00000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85839" y="315914"/>
            <a:ext cx="4975225" cy="666887"/>
          </a:xfrm>
        </p:spPr>
        <p:txBody>
          <a:bodyPr anchor="t" anchorCtr="0"/>
          <a:lstStyle>
            <a:lvl1pPr>
              <a:lnSpc>
                <a:spcPct val="90000"/>
              </a:lnSpc>
              <a:defRPr>
                <a:solidFill>
                  <a:schemeClr val="tx1"/>
                </a:solidFill>
              </a:defRPr>
            </a:lvl1pPr>
          </a:lstStyle>
          <a:p>
            <a:r>
              <a:rPr lang="da-DK"/>
              <a:t>Klik for at indsætte titel</a:t>
            </a:r>
          </a:p>
        </p:txBody>
      </p:sp>
      <p:sp>
        <p:nvSpPr>
          <p:cNvPr id="10" name="Text Placeholder 2"/>
          <p:cNvSpPr>
            <a:spLocks noGrp="1"/>
          </p:cNvSpPr>
          <p:nvPr>
            <p:ph type="body" sz="quarter" idx="14" hasCustomPrompt="1"/>
          </p:nvPr>
        </p:nvSpPr>
        <p:spPr>
          <a:xfrm>
            <a:off x="985839" y="1958976"/>
            <a:ext cx="4975225" cy="3938589"/>
          </a:xfrm>
        </p:spPr>
        <p:txBody>
          <a:bodyPr/>
          <a:lstStyle>
            <a:lvl1pPr marL="0" indent="0">
              <a:buFont typeface="Calibri" panose="020F0502020204030204" pitchFamily="34" charset="0"/>
              <a:buChar cha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9" name="TextBox 8"/>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8397EA58-6C0F-4CD4-A831-E6803F1AEE54}" type="datetime1">
              <a:rPr lang="da-DK" smtClean="0"/>
              <a:t>09-04-2026</a:t>
            </a:fld>
            <a:r>
              <a:rPr lang="da-DK"/>
              <a:t>18-08-2024</a:t>
            </a:r>
          </a:p>
        </p:txBody>
      </p:sp>
      <p:sp>
        <p:nvSpPr>
          <p:cNvPr id="6" name="Footer Placeholder 5" hidden="1"/>
          <p:cNvSpPr>
            <a:spLocks noGrp="1"/>
          </p:cNvSpPr>
          <p:nvPr>
            <p:ph type="ftr" sz="quarter" idx="16"/>
          </p:nvPr>
        </p:nvSpPr>
        <p:spPr>
          <a:xfrm>
            <a:off x="0" y="7020000"/>
            <a:ext cx="0" cy="0"/>
          </a:xfrm>
          <a:prstGeom prst="rect">
            <a:avLst/>
          </a:prstGeom>
        </p:spPr>
        <p:txBody>
          <a:bodyPr/>
          <a:lstStyle/>
          <a:p>
            <a:endParaRPr lang="da-DK"/>
          </a:p>
        </p:txBody>
      </p:sp>
      <p:sp>
        <p:nvSpPr>
          <p:cNvPr id="7" name="Picture Placeholder 3"/>
          <p:cNvSpPr>
            <a:spLocks noGrp="1"/>
          </p:cNvSpPr>
          <p:nvPr>
            <p:ph type="pic" sz="quarter" idx="13" hasCustomPrompt="1"/>
          </p:nvPr>
        </p:nvSpPr>
        <p:spPr>
          <a:xfrm>
            <a:off x="6227764" y="315913"/>
            <a:ext cx="5646545" cy="6242050"/>
          </a:xfrm>
        </p:spPr>
        <p:txBody>
          <a:bodyPr/>
          <a:lstStyle>
            <a:lvl1pPr marL="0" indent="0">
              <a:buNone/>
              <a:defRPr b="0">
                <a:solidFill>
                  <a:schemeClr val="tx1"/>
                </a:solidFill>
              </a:defRPr>
            </a:lvl1pPr>
          </a:lstStyle>
          <a:p>
            <a:r>
              <a:rPr lang="da-DK"/>
              <a:t>Klik her og tilføj billede via </a:t>
            </a:r>
            <a:r>
              <a:rPr lang="da-DK" err="1"/>
              <a:t>Templafy</a:t>
            </a:r>
            <a:r>
              <a:rPr lang="da-DK"/>
              <a:t> billedbibliotek</a:t>
            </a:r>
          </a:p>
        </p:txBody>
      </p:sp>
    </p:spTree>
    <p:extLst>
      <p:ext uri="{BB962C8B-B14F-4D97-AF65-F5344CB8AC3E}">
        <p14:creationId xmlns:p14="http://schemas.microsoft.com/office/powerpoint/2010/main" val="2989353147"/>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5">
          <p15:clr>
            <a:srgbClr val="A4A3A4"/>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Image and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231756" y="315914"/>
            <a:ext cx="4975225" cy="666887"/>
          </a:xfrm>
        </p:spPr>
        <p:txBody>
          <a:bodyPr anchor="t" anchorCtr="0"/>
          <a:lstStyle>
            <a:lvl1pPr>
              <a:lnSpc>
                <a:spcPct val="90000"/>
              </a:lnSpc>
              <a:defRPr>
                <a:solidFill>
                  <a:schemeClr val="tx1"/>
                </a:solidFill>
              </a:defRPr>
            </a:lvl1pPr>
          </a:lstStyle>
          <a:p>
            <a:r>
              <a:rPr lang="da-DK"/>
              <a:t>Klik for at indsætte titel</a:t>
            </a:r>
          </a:p>
        </p:txBody>
      </p:sp>
      <p:sp>
        <p:nvSpPr>
          <p:cNvPr id="10" name="Text Placeholder 2"/>
          <p:cNvSpPr>
            <a:spLocks noGrp="1"/>
          </p:cNvSpPr>
          <p:nvPr>
            <p:ph type="body" sz="quarter" idx="14" hasCustomPrompt="1"/>
          </p:nvPr>
        </p:nvSpPr>
        <p:spPr>
          <a:xfrm>
            <a:off x="6231756" y="1958976"/>
            <a:ext cx="4975225" cy="3938589"/>
          </a:xfrm>
        </p:spPr>
        <p:txBody>
          <a:bodyPr/>
          <a:lstStyle>
            <a:lvl1pPr marL="0" indent="0">
              <a:lnSpc>
                <a:spcPct val="90000"/>
              </a:lnSpc>
              <a:buFont typeface="Calibri" panose="020F0502020204030204" pitchFamily="34" charset="0"/>
              <a:buChar char="​"/>
              <a:defRPr>
                <a:solidFill>
                  <a:schemeClr val="tx1"/>
                </a:solidFill>
              </a:defRPr>
            </a:lvl1pPr>
            <a:lvl2pPr>
              <a:lnSpc>
                <a:spcPct val="90000"/>
              </a:lnSpc>
              <a:defRPr>
                <a:solidFill>
                  <a:schemeClr val="tx1"/>
                </a:solidFill>
              </a:defRPr>
            </a:lvl2pPr>
            <a:lvl3pPr>
              <a:lnSpc>
                <a:spcPct val="90000"/>
              </a:lnSpc>
              <a:defRPr>
                <a:solidFill>
                  <a:schemeClr val="tx1"/>
                </a:solidFill>
              </a:defRPr>
            </a:lvl3pPr>
            <a:lvl4pPr>
              <a:lnSpc>
                <a:spcPct val="90000"/>
              </a:lnSpc>
              <a:defRPr>
                <a:solidFill>
                  <a:schemeClr val="tx1"/>
                </a:solidFill>
              </a:defRPr>
            </a:lvl4pPr>
            <a:lvl5pPr>
              <a:lnSpc>
                <a:spcPct val="90000"/>
              </a:lnSpc>
              <a:defRPr>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9" name="TextBox 8"/>
          <p:cNvSpPr txBox="1"/>
          <p:nvPr userDrawn="1"/>
        </p:nvSpPr>
        <p:spPr>
          <a:xfrm>
            <a:off x="-1973598" y="340163"/>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sz="1799"/>
          </a:p>
          <a:p>
            <a:pPr algn="r">
              <a:lnSpc>
                <a:spcPct val="100000"/>
              </a:lnSpc>
            </a:pPr>
            <a:r>
              <a:rPr lang="da-DK" sz="1000" noProof="1">
                <a:solidFill>
                  <a:schemeClr val="tx1">
                    <a:lumMod val="75000"/>
                    <a:lumOff val="25000"/>
                  </a:schemeClr>
                </a:solidFill>
              </a:rPr>
              <a:t>Light eller AU Passata Bold</a:t>
            </a:r>
            <a:endParaRPr lang="da-DK" sz="4798"/>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3EFFED4D-031B-41FE-A82D-132283E1C23E}" type="datetime1">
              <a:rPr lang="da-DK" smtClean="0"/>
              <a:t>09-04-2026</a:t>
            </a:fld>
            <a:r>
              <a:rPr lang="da-DK"/>
              <a:t>18-08-2024</a:t>
            </a:r>
          </a:p>
        </p:txBody>
      </p:sp>
      <p:sp>
        <p:nvSpPr>
          <p:cNvPr id="6" name="Footer Placeholder 5" hidden="1"/>
          <p:cNvSpPr>
            <a:spLocks noGrp="1"/>
          </p:cNvSpPr>
          <p:nvPr>
            <p:ph type="ftr" sz="quarter" idx="16"/>
          </p:nvPr>
        </p:nvSpPr>
        <p:spPr>
          <a:xfrm>
            <a:off x="0" y="7020000"/>
            <a:ext cx="0" cy="0"/>
          </a:xfrm>
          <a:prstGeom prst="rect">
            <a:avLst/>
          </a:prstGeom>
        </p:spPr>
        <p:txBody>
          <a:bodyPr/>
          <a:lstStyle/>
          <a:p>
            <a:endParaRPr lang="da-DK"/>
          </a:p>
        </p:txBody>
      </p:sp>
      <p:sp>
        <p:nvSpPr>
          <p:cNvPr id="7" name="Picture Placeholder 3"/>
          <p:cNvSpPr>
            <a:spLocks noGrp="1"/>
          </p:cNvSpPr>
          <p:nvPr>
            <p:ph type="pic" sz="quarter" idx="13" hasCustomPrompt="1"/>
          </p:nvPr>
        </p:nvSpPr>
        <p:spPr>
          <a:xfrm>
            <a:off x="333375" y="315913"/>
            <a:ext cx="5617021" cy="6242050"/>
          </a:xfrm>
        </p:spPr>
        <p:txBody>
          <a:bodyPr/>
          <a:lstStyle>
            <a:lvl1pPr marL="0" indent="0">
              <a:buNone/>
              <a:defRPr b="0">
                <a:solidFill>
                  <a:schemeClr val="tx1"/>
                </a:solidFill>
              </a:defRPr>
            </a:lvl1pPr>
          </a:lstStyle>
          <a:p>
            <a:r>
              <a:rPr lang="da-DK"/>
              <a:t>Klik her og tilføj billede via </a:t>
            </a:r>
            <a:r>
              <a:rPr lang="da-DK" err="1"/>
              <a:t>Templafy</a:t>
            </a:r>
            <a:r>
              <a:rPr lang="da-DK"/>
              <a:t> billedbibliotek</a:t>
            </a:r>
          </a:p>
        </p:txBody>
      </p:sp>
    </p:spTree>
    <p:extLst>
      <p:ext uri="{BB962C8B-B14F-4D97-AF65-F5344CB8AC3E}">
        <p14:creationId xmlns:p14="http://schemas.microsoft.com/office/powerpoint/2010/main" val="1546716495"/>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5">
          <p15:clr>
            <a:srgbClr val="A4A3A4"/>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text and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85839" y="1556792"/>
            <a:ext cx="4975225" cy="360040"/>
          </a:xfrm>
        </p:spPr>
        <p:txBody>
          <a:bodyPr anchor="t" anchorCtr="0"/>
          <a:lstStyle>
            <a:lvl1pPr>
              <a:lnSpc>
                <a:spcPct val="95000"/>
              </a:lnSpc>
              <a:defRPr sz="1999" b="0">
                <a:solidFill>
                  <a:schemeClr val="tx1"/>
                </a:solidFill>
                <a:latin typeface="AU Passata Light" panose="020B0303030902030804" pitchFamily="34" charset="77"/>
              </a:defRPr>
            </a:lvl1pPr>
          </a:lstStyle>
          <a:p>
            <a:r>
              <a:rPr lang="da-DK"/>
              <a:t>KLIK FOR AT INDSÆTTE TITEL</a:t>
            </a:r>
          </a:p>
        </p:txBody>
      </p:sp>
      <p:sp>
        <p:nvSpPr>
          <p:cNvPr id="10" name="Text Placeholder 2"/>
          <p:cNvSpPr>
            <a:spLocks noGrp="1"/>
          </p:cNvSpPr>
          <p:nvPr>
            <p:ph type="body" sz="quarter" idx="14" hasCustomPrompt="1"/>
          </p:nvPr>
        </p:nvSpPr>
        <p:spPr>
          <a:xfrm>
            <a:off x="985839" y="1958976"/>
            <a:ext cx="4975225" cy="3940538"/>
          </a:xfrm>
        </p:spPr>
        <p:txBody>
          <a:bodyPr/>
          <a:lstStyle>
            <a:lvl1pPr marL="0" indent="0">
              <a:buFont typeface="Calibri" panose="020F0502020204030204" pitchFamily="34" charset="0"/>
              <a:buChar char="​"/>
              <a:defRPr sz="3999" b="1">
                <a:solidFill>
                  <a:schemeClr val="tx1"/>
                </a:solidFill>
              </a:defRPr>
            </a:lvl1pPr>
            <a:lvl2pPr>
              <a:defRPr sz="3999" b="1">
                <a:solidFill>
                  <a:srgbClr val="002546"/>
                </a:solidFill>
              </a:defRPr>
            </a:lvl2pPr>
            <a:lvl3pPr>
              <a:defRPr sz="3999" b="1">
                <a:solidFill>
                  <a:srgbClr val="002546"/>
                </a:solidFill>
              </a:defRPr>
            </a:lvl3pPr>
            <a:lvl4pPr>
              <a:defRPr sz="3999" b="1">
                <a:solidFill>
                  <a:srgbClr val="002546"/>
                </a:solidFill>
              </a:defRPr>
            </a:lvl4pPr>
            <a:lvl5pPr>
              <a:defRPr sz="3999" b="1">
                <a:solidFill>
                  <a:srgbClr val="002546"/>
                </a:solidFill>
              </a:defRPr>
            </a:lvl5pPr>
            <a:lvl6pPr>
              <a:defRPr sz="3999" b="1">
                <a:solidFill>
                  <a:srgbClr val="002546"/>
                </a:solidFill>
              </a:defRPr>
            </a:lvl6pPr>
          </a:lstStyle>
          <a:p>
            <a:pPr lvl="0"/>
            <a:r>
              <a:rPr lang="da-DK"/>
              <a:t>Klik for at indsætte tekst</a:t>
            </a:r>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7BC1C068-BD28-427A-9097-B61D9C83F2A3}" type="datetime1">
              <a:rPr lang="da-DK" smtClean="0"/>
              <a:t>09-04-2026</a:t>
            </a:fld>
            <a:r>
              <a:rPr lang="da-DK"/>
              <a:t>18-08-2024</a:t>
            </a:r>
          </a:p>
        </p:txBody>
      </p:sp>
      <p:sp>
        <p:nvSpPr>
          <p:cNvPr id="6" name="Footer Placeholder 5" hidden="1"/>
          <p:cNvSpPr>
            <a:spLocks noGrp="1"/>
          </p:cNvSpPr>
          <p:nvPr>
            <p:ph type="ftr" sz="quarter" idx="16"/>
          </p:nvPr>
        </p:nvSpPr>
        <p:spPr>
          <a:xfrm>
            <a:off x="0" y="7020000"/>
            <a:ext cx="0" cy="0"/>
          </a:xfrm>
          <a:prstGeom prst="rect">
            <a:avLst/>
          </a:prstGeom>
        </p:spPr>
        <p:txBody>
          <a:bodyPr/>
          <a:lstStyle/>
          <a:p>
            <a:endParaRPr lang="da-DK"/>
          </a:p>
        </p:txBody>
      </p:sp>
      <p:sp>
        <p:nvSpPr>
          <p:cNvPr id="3" name="Rektangel 2">
            <a:extLst>
              <a:ext uri="{FF2B5EF4-FFF2-40B4-BE49-F238E27FC236}">
                <a16:creationId xmlns:a16="http://schemas.microsoft.com/office/drawing/2014/main" id="{F7100108-6537-5FEF-9A5D-9C914724DAE8}"/>
              </a:ext>
            </a:extLst>
          </p:cNvPr>
          <p:cNvSpPr/>
          <p:nvPr userDrawn="1"/>
        </p:nvSpPr>
        <p:spPr bwMode="auto">
          <a:xfrm>
            <a:off x="5446341" y="6165306"/>
            <a:ext cx="1656184" cy="416193"/>
          </a:xfrm>
          <a:prstGeom prst="rect">
            <a:avLst/>
          </a:prstGeom>
          <a:solidFill>
            <a:schemeClr val="bg1"/>
          </a:solidFill>
          <a:ln w="1778" cap="flat" cmpd="sng" algn="ctr">
            <a:noFill/>
            <a:prstDash val="solid"/>
            <a:round/>
            <a:headEnd type="none" w="med" len="med"/>
            <a:tailEnd type="none" w="med" len="med"/>
          </a:ln>
          <a:effectLst/>
        </p:spPr>
        <p:txBody>
          <a:bodyPr vert="horz" wrap="square" lIns="91416" tIns="45708" rIns="91416" bIns="45708" numCol="1" rtlCol="0" anchor="t" anchorCtr="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7" name="Picture Placeholder 3"/>
          <p:cNvSpPr>
            <a:spLocks noGrp="1"/>
          </p:cNvSpPr>
          <p:nvPr>
            <p:ph type="pic" sz="quarter" idx="13" hasCustomPrompt="1"/>
          </p:nvPr>
        </p:nvSpPr>
        <p:spPr>
          <a:xfrm>
            <a:off x="6231600" y="315913"/>
            <a:ext cx="5644800" cy="6242050"/>
          </a:xfrm>
        </p:spPr>
        <p:txBody>
          <a:bodyPr/>
          <a:lstStyle>
            <a:lvl1pPr marL="0" indent="0">
              <a:buNone/>
              <a:defRPr b="0">
                <a:solidFill>
                  <a:schemeClr val="tx1"/>
                </a:solidFill>
              </a:defRPr>
            </a:lvl1pPr>
          </a:lstStyle>
          <a:p>
            <a:r>
              <a:rPr lang="da-DK"/>
              <a:t>Click here and add image via Templafy Image Library</a:t>
            </a:r>
          </a:p>
        </p:txBody>
      </p:sp>
    </p:spTree>
    <p:extLst>
      <p:ext uri="{BB962C8B-B14F-4D97-AF65-F5344CB8AC3E}">
        <p14:creationId xmlns:p14="http://schemas.microsoft.com/office/powerpoint/2010/main" val="646021686"/>
      </p:ext>
    </p:extLst>
  </p:cSld>
  <p:clrMapOvr>
    <a:masterClrMapping/>
  </p:clrMapOvr>
  <p:transition spd="slow">
    <p:fade/>
  </p:transition>
  <p:extLst>
    <p:ext uri="{DCECCB84-F9BA-43D5-87BE-67443E8EF086}">
      <p15:sldGuideLst xmlns:p15="http://schemas.microsoft.com/office/powerpoint/2012/main">
        <p15:guide id="1" pos="3930">
          <p15:clr>
            <a:srgbClr val="A4A3A4"/>
          </p15:clr>
        </p15:guide>
        <p15:guide id="2" pos="3755">
          <p15:clr>
            <a:srgbClr val="A4A3A4"/>
          </p15:clr>
        </p15:guide>
        <p15:guide id="3" orient="horz" pos="3069">
          <p15:clr>
            <a:srgbClr val="A4A3A4"/>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tatement text">
    <p:spTree>
      <p:nvGrpSpPr>
        <p:cNvPr id="1" name=""/>
        <p:cNvGrpSpPr/>
        <p:nvPr/>
      </p:nvGrpSpPr>
      <p:grpSpPr>
        <a:xfrm>
          <a:off x="0" y="0"/>
          <a:ext cx="0" cy="0"/>
          <a:chOff x="0" y="0"/>
          <a:chExt cx="0" cy="0"/>
        </a:xfrm>
      </p:grpSpPr>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92313240-5DA5-463D-9966-5C7F638D69A9}"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3" name="Text Placeholder 2">
            <a:extLst>
              <a:ext uri="{FF2B5EF4-FFF2-40B4-BE49-F238E27FC236}">
                <a16:creationId xmlns:a16="http://schemas.microsoft.com/office/drawing/2014/main" id="{34B50F68-F725-84C3-150A-3F98ACC42A1D}"/>
              </a:ext>
            </a:extLst>
          </p:cNvPr>
          <p:cNvSpPr>
            <a:spLocks noGrp="1"/>
          </p:cNvSpPr>
          <p:nvPr>
            <p:ph type="body" sz="quarter" idx="16" hasCustomPrompt="1"/>
          </p:nvPr>
        </p:nvSpPr>
        <p:spPr>
          <a:xfrm>
            <a:off x="1005389" y="1961213"/>
            <a:ext cx="10220325" cy="3936349"/>
          </a:xfrm>
        </p:spPr>
        <p:txBody>
          <a:bodyPr/>
          <a:lstStyle>
            <a:lvl1pPr marL="0" indent="0" algn="l">
              <a:lnSpc>
                <a:spcPct val="90000"/>
              </a:lnSpc>
              <a:spcBef>
                <a:spcPts val="0"/>
              </a:spcBef>
              <a:buSzPct val="250000"/>
              <a:buFontTx/>
              <a:buNone/>
              <a:defRPr sz="3999" b="1">
                <a:solidFill>
                  <a:srgbClr val="002546"/>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2" name="TextBox 8">
            <a:extLst>
              <a:ext uri="{FF2B5EF4-FFF2-40B4-BE49-F238E27FC236}">
                <a16:creationId xmlns:a16="http://schemas.microsoft.com/office/drawing/2014/main" id="{EAD89B02-3AF9-5FDD-F1D6-D581869FADF0}"/>
              </a:ext>
            </a:extLst>
          </p:cNvPr>
          <p:cNvSpPr txBox="1"/>
          <p:nvPr userDrawn="1"/>
        </p:nvSpPr>
        <p:spPr>
          <a:xfrm>
            <a:off x="-2042492" y="1965215"/>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a:t>
            </a:r>
            <a:br>
              <a:rPr lang="da-DK" sz="4798" noProof="1">
                <a:solidFill>
                  <a:schemeClr val="tx1">
                    <a:lumMod val="75000"/>
                    <a:lumOff val="25000"/>
                  </a:schemeClr>
                </a:solidFill>
              </a:rPr>
            </a:br>
            <a:r>
              <a:rPr lang="da-DK" sz="1000" noProof="1">
                <a:solidFill>
                  <a:schemeClr val="tx1">
                    <a:lumMod val="75000"/>
                    <a:lumOff val="25000"/>
                  </a:schemeClr>
                </a:solidFill>
              </a:rPr>
              <a:t>med din temafarve </a:t>
            </a:r>
            <a:br>
              <a:rPr lang="da-DK" sz="1000" noProof="1">
                <a:solidFill>
                  <a:schemeClr val="tx1">
                    <a:lumMod val="75000"/>
                    <a:lumOff val="25000"/>
                  </a:schemeClr>
                </a:solidFill>
              </a:rPr>
            </a:br>
            <a:r>
              <a:rPr lang="da-DK" sz="1000" noProof="1">
                <a:solidFill>
                  <a:schemeClr val="tx1">
                    <a:lumMod val="75000"/>
                    <a:lumOff val="25000"/>
                  </a:schemeClr>
                </a:solidFill>
              </a:rPr>
              <a:t>eller med AU Passata Light </a:t>
            </a:r>
          </a:p>
        </p:txBody>
      </p:sp>
    </p:spTree>
    <p:extLst>
      <p:ext uri="{BB962C8B-B14F-4D97-AF65-F5344CB8AC3E}">
        <p14:creationId xmlns:p14="http://schemas.microsoft.com/office/powerpoint/2010/main" val="2757936618"/>
      </p:ext>
    </p:extLst>
  </p:cSld>
  <p:clrMapOvr>
    <a:masterClrMapping/>
  </p:clrMapOvr>
  <p:transition spd="slow">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Preheader and statement text">
    <p:spTree>
      <p:nvGrpSpPr>
        <p:cNvPr id="1" name=""/>
        <p:cNvGrpSpPr/>
        <p:nvPr/>
      </p:nvGrpSpPr>
      <p:grpSpPr>
        <a:xfrm>
          <a:off x="0" y="0"/>
          <a:ext cx="0" cy="0"/>
          <a:chOff x="0" y="0"/>
          <a:chExt cx="0" cy="0"/>
        </a:xfrm>
      </p:grpSpPr>
      <p:sp>
        <p:nvSpPr>
          <p:cNvPr id="7" name="Text Placeholder 2"/>
          <p:cNvSpPr>
            <a:spLocks noGrp="1"/>
          </p:cNvSpPr>
          <p:nvPr>
            <p:ph type="body" sz="quarter" idx="11" hasCustomPrompt="1"/>
          </p:nvPr>
        </p:nvSpPr>
        <p:spPr>
          <a:xfrm>
            <a:off x="985839" y="2564905"/>
            <a:ext cx="10220325" cy="2304255"/>
          </a:xfrm>
        </p:spPr>
        <p:txBody>
          <a:bodyPr/>
          <a:lstStyle>
            <a:lvl1pPr marL="0" indent="0" algn="l">
              <a:lnSpc>
                <a:spcPct val="90000"/>
              </a:lnSpc>
              <a:spcBef>
                <a:spcPts val="0"/>
              </a:spcBef>
              <a:buSzPct val="250000"/>
              <a:buFontTx/>
              <a:buNone/>
              <a:defRPr sz="4399" b="1">
                <a:solidFill>
                  <a:srgbClr val="002546"/>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B84E068A-93FD-4B54-B104-B2158034FBCC}"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2" name="Text Placeholder 2">
            <a:extLst>
              <a:ext uri="{FF2B5EF4-FFF2-40B4-BE49-F238E27FC236}">
                <a16:creationId xmlns:a16="http://schemas.microsoft.com/office/drawing/2014/main" id="{5A9C5A01-4943-4F99-90F7-3CEC671CA983}"/>
              </a:ext>
            </a:extLst>
          </p:cNvPr>
          <p:cNvSpPr>
            <a:spLocks noGrp="1"/>
          </p:cNvSpPr>
          <p:nvPr>
            <p:ph type="body" sz="quarter" idx="16" hasCustomPrompt="1"/>
          </p:nvPr>
        </p:nvSpPr>
        <p:spPr>
          <a:xfrm>
            <a:off x="985839" y="1978623"/>
            <a:ext cx="10220325" cy="586283"/>
          </a:xfrm>
        </p:spPr>
        <p:txBody>
          <a:bodyPr/>
          <a:lstStyle>
            <a:lvl1pPr marL="0" indent="0" algn="l">
              <a:lnSpc>
                <a:spcPct val="89000"/>
              </a:lnSpc>
              <a:spcBef>
                <a:spcPts val="0"/>
              </a:spcBef>
              <a:buSzPct val="250000"/>
              <a:buFontTx/>
              <a:buNone/>
              <a:defRPr sz="1999" b="0">
                <a:solidFill>
                  <a:srgbClr val="002546"/>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ITEL</a:t>
            </a:r>
          </a:p>
        </p:txBody>
      </p:sp>
    </p:spTree>
    <p:extLst>
      <p:ext uri="{BB962C8B-B14F-4D97-AF65-F5344CB8AC3E}">
        <p14:creationId xmlns:p14="http://schemas.microsoft.com/office/powerpoint/2010/main" val="303309749"/>
      </p:ext>
    </p:extLst>
  </p:cSld>
  <p:clrMapOvr>
    <a:masterClrMapping/>
  </p:clrMapOvr>
  <p:transition spd="slow">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Quote slide">
    <p:spTree>
      <p:nvGrpSpPr>
        <p:cNvPr id="1" name=""/>
        <p:cNvGrpSpPr/>
        <p:nvPr/>
      </p:nvGrpSpPr>
      <p:grpSpPr>
        <a:xfrm>
          <a:off x="0" y="0"/>
          <a:ext cx="0" cy="0"/>
          <a:chOff x="0" y="0"/>
          <a:chExt cx="0" cy="0"/>
        </a:xfrm>
      </p:grpSpPr>
      <p:sp>
        <p:nvSpPr>
          <p:cNvPr id="10" name="Slide Number Placeholder 9"/>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00C1E417-3B3E-414D-8988-564D70EDF754}" type="datetime1">
              <a:rPr lang="da-DK" smtClean="0"/>
              <a:t>09-04-2026</a:t>
            </a:fld>
            <a:r>
              <a:rPr lang="da-DK"/>
              <a:t>18-08-2024</a:t>
            </a:r>
          </a:p>
        </p:txBody>
      </p:sp>
      <p:sp>
        <p:nvSpPr>
          <p:cNvPr id="8" name="Footer Placeholder 7" hidden="1"/>
          <p:cNvSpPr>
            <a:spLocks noGrp="1"/>
          </p:cNvSpPr>
          <p:nvPr>
            <p:ph type="ftr" sz="quarter" idx="14"/>
          </p:nvPr>
        </p:nvSpPr>
        <p:spPr>
          <a:xfrm>
            <a:off x="0" y="7020000"/>
            <a:ext cx="0" cy="0"/>
          </a:xfrm>
          <a:prstGeom prst="rect">
            <a:avLst/>
          </a:prstGeom>
        </p:spPr>
        <p:txBody>
          <a:bodyPr/>
          <a:lstStyle/>
          <a:p>
            <a:endParaRPr lang="da-DK"/>
          </a:p>
        </p:txBody>
      </p:sp>
      <p:sp>
        <p:nvSpPr>
          <p:cNvPr id="2" name="Text Placeholder 2">
            <a:extLst>
              <a:ext uri="{FF2B5EF4-FFF2-40B4-BE49-F238E27FC236}">
                <a16:creationId xmlns:a16="http://schemas.microsoft.com/office/drawing/2014/main" id="{5CC2969D-9182-12ED-F797-9D572F642FD0}"/>
              </a:ext>
            </a:extLst>
          </p:cNvPr>
          <p:cNvSpPr>
            <a:spLocks noGrp="1"/>
          </p:cNvSpPr>
          <p:nvPr>
            <p:ph type="body" sz="quarter" idx="11" hasCustomPrompt="1"/>
          </p:nvPr>
        </p:nvSpPr>
        <p:spPr>
          <a:xfrm>
            <a:off x="985838" y="1965214"/>
            <a:ext cx="10220325" cy="3047963"/>
          </a:xfrm>
        </p:spPr>
        <p:txBody>
          <a:bodyPr/>
          <a:lstStyle>
            <a:lvl1pPr marL="0" indent="0" algn="ctr">
              <a:lnSpc>
                <a:spcPct val="90000"/>
              </a:lnSpc>
              <a:spcBef>
                <a:spcPts val="0"/>
              </a:spcBef>
              <a:buSzPct val="250000"/>
              <a:buFontTx/>
              <a:buNone/>
              <a:defRPr sz="4399" b="1">
                <a:solidFill>
                  <a:schemeClr val="tx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citat</a:t>
            </a:r>
          </a:p>
        </p:txBody>
      </p:sp>
      <p:sp>
        <p:nvSpPr>
          <p:cNvPr id="3" name="Text Placeholder 2">
            <a:extLst>
              <a:ext uri="{FF2B5EF4-FFF2-40B4-BE49-F238E27FC236}">
                <a16:creationId xmlns:a16="http://schemas.microsoft.com/office/drawing/2014/main" id="{137441CA-ADDB-33CE-228E-72AD01342E3E}"/>
              </a:ext>
            </a:extLst>
          </p:cNvPr>
          <p:cNvSpPr>
            <a:spLocks noGrp="1"/>
          </p:cNvSpPr>
          <p:nvPr>
            <p:ph type="body" sz="quarter" idx="16" hasCustomPrompt="1"/>
          </p:nvPr>
        </p:nvSpPr>
        <p:spPr>
          <a:xfrm>
            <a:off x="1008728" y="5054399"/>
            <a:ext cx="10220325" cy="318819"/>
          </a:xfrm>
        </p:spPr>
        <p:txBody>
          <a:bodyPr/>
          <a:lstStyle>
            <a:lvl1pPr marL="0" indent="0" algn="ctr">
              <a:lnSpc>
                <a:spcPct val="89000"/>
              </a:lnSpc>
              <a:spcBef>
                <a:spcPts val="0"/>
              </a:spcBef>
              <a:buSzPct val="250000"/>
              <a:buFontTx/>
              <a:buNone/>
              <a:defRPr sz="1999" b="0">
                <a:solidFill>
                  <a:schemeClr val="tx1"/>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TILFØJE NAVN</a:t>
            </a:r>
          </a:p>
        </p:txBody>
      </p:sp>
      <p:sp>
        <p:nvSpPr>
          <p:cNvPr id="4" name="TextBox 8">
            <a:extLst>
              <a:ext uri="{FF2B5EF4-FFF2-40B4-BE49-F238E27FC236}">
                <a16:creationId xmlns:a16="http://schemas.microsoft.com/office/drawing/2014/main" id="{EE8121D5-B5C3-779F-192E-1359A484BE71}"/>
              </a:ext>
            </a:extLst>
          </p:cNvPr>
          <p:cNvSpPr txBox="1"/>
          <p:nvPr userDrawn="1"/>
        </p:nvSpPr>
        <p:spPr>
          <a:xfrm>
            <a:off x="-2042492" y="1965215"/>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a:t>
            </a:r>
            <a:br>
              <a:rPr lang="da-DK" sz="4798" noProof="1">
                <a:solidFill>
                  <a:schemeClr val="tx1">
                    <a:lumMod val="75000"/>
                    <a:lumOff val="25000"/>
                  </a:schemeClr>
                </a:solidFill>
              </a:rPr>
            </a:br>
            <a:r>
              <a:rPr lang="da-DK" sz="1000" noProof="1">
                <a:solidFill>
                  <a:schemeClr val="tx1">
                    <a:lumMod val="75000"/>
                    <a:lumOff val="25000"/>
                  </a:schemeClr>
                </a:solidFill>
              </a:rPr>
              <a:t>med din temafarve </a:t>
            </a:r>
            <a:br>
              <a:rPr lang="da-DK" sz="1000" noProof="1">
                <a:solidFill>
                  <a:schemeClr val="tx1">
                    <a:lumMod val="75000"/>
                    <a:lumOff val="25000"/>
                  </a:schemeClr>
                </a:solidFill>
              </a:rPr>
            </a:br>
            <a:r>
              <a:rPr lang="da-DK" sz="1000" noProof="1">
                <a:solidFill>
                  <a:schemeClr val="tx1">
                    <a:lumMod val="75000"/>
                    <a:lumOff val="25000"/>
                  </a:schemeClr>
                </a:solidFill>
              </a:rPr>
              <a:t>eller med AU Passata Light </a:t>
            </a:r>
          </a:p>
        </p:txBody>
      </p:sp>
    </p:spTree>
    <p:extLst>
      <p:ext uri="{BB962C8B-B14F-4D97-AF65-F5344CB8AC3E}">
        <p14:creationId xmlns:p14="http://schemas.microsoft.com/office/powerpoint/2010/main" val="4141180333"/>
      </p:ext>
    </p:extLst>
  </p:cSld>
  <p:clrMapOvr>
    <a:masterClrMapping/>
  </p:clrMapOvr>
  <p:transition spd="slow">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Fact slide White">
    <p:spTree>
      <p:nvGrpSpPr>
        <p:cNvPr id="1" name=""/>
        <p:cNvGrpSpPr/>
        <p:nvPr/>
      </p:nvGrpSpPr>
      <p:grpSpPr>
        <a:xfrm>
          <a:off x="0" y="0"/>
          <a:ext cx="0" cy="0"/>
          <a:chOff x="0" y="0"/>
          <a:chExt cx="0" cy="0"/>
        </a:xfrm>
      </p:grpSpPr>
      <p:sp>
        <p:nvSpPr>
          <p:cNvPr id="7" name="Text Placeholder 2"/>
          <p:cNvSpPr>
            <a:spLocks noGrp="1"/>
          </p:cNvSpPr>
          <p:nvPr>
            <p:ph type="body" sz="quarter" idx="11" hasCustomPrompt="1"/>
          </p:nvPr>
        </p:nvSpPr>
        <p:spPr>
          <a:xfrm>
            <a:off x="985839" y="3284984"/>
            <a:ext cx="10220325" cy="1800200"/>
          </a:xfrm>
        </p:spPr>
        <p:txBody>
          <a:bodyPr/>
          <a:lstStyle>
            <a:lvl1pPr marL="0" indent="0" algn="l">
              <a:lnSpc>
                <a:spcPct val="90000"/>
              </a:lnSpc>
              <a:spcBef>
                <a:spcPts val="0"/>
              </a:spcBef>
              <a:buSzPct val="250000"/>
              <a:buFontTx/>
              <a:buNone/>
              <a:defRPr sz="4999" b="0">
                <a:solidFill>
                  <a:schemeClr val="tx1"/>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37FB503B-9864-48F8-90A5-963B6AB0FF62}"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3" name="Text Placeholder 2">
            <a:extLst>
              <a:ext uri="{FF2B5EF4-FFF2-40B4-BE49-F238E27FC236}">
                <a16:creationId xmlns:a16="http://schemas.microsoft.com/office/drawing/2014/main" id="{34B50F68-F725-84C3-150A-3F98ACC42A1D}"/>
              </a:ext>
            </a:extLst>
          </p:cNvPr>
          <p:cNvSpPr>
            <a:spLocks noGrp="1"/>
          </p:cNvSpPr>
          <p:nvPr>
            <p:ph type="body" sz="quarter" idx="16" hasCustomPrompt="1"/>
          </p:nvPr>
        </p:nvSpPr>
        <p:spPr>
          <a:xfrm>
            <a:off x="1005389" y="1958977"/>
            <a:ext cx="10220325" cy="1181993"/>
          </a:xfrm>
        </p:spPr>
        <p:txBody>
          <a:bodyPr/>
          <a:lstStyle>
            <a:lvl1pPr marL="0" indent="0" algn="l">
              <a:lnSpc>
                <a:spcPct val="90000"/>
              </a:lnSpc>
              <a:spcBef>
                <a:spcPts val="0"/>
              </a:spcBef>
              <a:buSzPct val="250000"/>
              <a:buFontTx/>
              <a:buNone/>
              <a:defRPr sz="9997" b="1">
                <a:solidFill>
                  <a:srgbClr val="002546"/>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Indsæt tal</a:t>
            </a:r>
          </a:p>
        </p:txBody>
      </p:sp>
      <p:sp>
        <p:nvSpPr>
          <p:cNvPr id="4" name="TextBox 8">
            <a:extLst>
              <a:ext uri="{FF2B5EF4-FFF2-40B4-BE49-F238E27FC236}">
                <a16:creationId xmlns:a16="http://schemas.microsoft.com/office/drawing/2014/main" id="{4724B6DC-C025-BFD9-D34D-B046785ECA89}"/>
              </a:ext>
            </a:extLst>
          </p:cNvPr>
          <p:cNvSpPr txBox="1"/>
          <p:nvPr userDrawn="1"/>
        </p:nvSpPr>
        <p:spPr>
          <a:xfrm>
            <a:off x="-2114500" y="3288986"/>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 med AU Passata Bold </a:t>
            </a:r>
            <a:br>
              <a:rPr lang="da-DK" sz="1000" noProof="1">
                <a:solidFill>
                  <a:schemeClr val="tx1">
                    <a:lumMod val="75000"/>
                    <a:lumOff val="25000"/>
                  </a:schemeClr>
                </a:solidFill>
              </a:rPr>
            </a:br>
            <a:r>
              <a:rPr lang="da-DK" sz="1000" noProof="1">
                <a:solidFill>
                  <a:schemeClr val="tx1">
                    <a:lumMod val="75000"/>
                    <a:lumOff val="25000"/>
                  </a:schemeClr>
                </a:solidFill>
              </a:rPr>
              <a:t>eller med din temafarve</a:t>
            </a:r>
            <a:endParaRPr lang="da-DK" sz="4798"/>
          </a:p>
        </p:txBody>
      </p:sp>
    </p:spTree>
    <p:extLst>
      <p:ext uri="{BB962C8B-B14F-4D97-AF65-F5344CB8AC3E}">
        <p14:creationId xmlns:p14="http://schemas.microsoft.com/office/powerpoint/2010/main" val="2700442026"/>
      </p:ext>
    </p:extLst>
  </p:cSld>
  <p:clrMapOvr>
    <a:masterClrMapping/>
  </p:clrMapOvr>
  <p:transition spd="slow">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Fact slide light">
    <p:bg>
      <p:bgPr>
        <a:solidFill>
          <a:schemeClr val="bg2">
            <a:lumMod val="25000"/>
            <a:lumOff val="75000"/>
          </a:schemeClr>
        </a:solidFill>
        <a:effectLst/>
      </p:bgPr>
    </p:bg>
    <p:spTree>
      <p:nvGrpSpPr>
        <p:cNvPr id="1" name=""/>
        <p:cNvGrpSpPr/>
        <p:nvPr/>
      </p:nvGrpSpPr>
      <p:grpSpPr>
        <a:xfrm>
          <a:off x="0" y="0"/>
          <a:ext cx="0" cy="0"/>
          <a:chOff x="0" y="0"/>
          <a:chExt cx="0" cy="0"/>
        </a:xfrm>
      </p:grpSpPr>
      <p:sp>
        <p:nvSpPr>
          <p:cNvPr id="7" name="Text Placeholder 2"/>
          <p:cNvSpPr>
            <a:spLocks noGrp="1"/>
          </p:cNvSpPr>
          <p:nvPr>
            <p:ph type="body" sz="quarter" idx="11" hasCustomPrompt="1"/>
          </p:nvPr>
        </p:nvSpPr>
        <p:spPr>
          <a:xfrm>
            <a:off x="985839" y="3284984"/>
            <a:ext cx="10220325" cy="1800200"/>
          </a:xfrm>
        </p:spPr>
        <p:txBody>
          <a:bodyPr/>
          <a:lstStyle>
            <a:lvl1pPr marL="0" indent="0" algn="l">
              <a:lnSpc>
                <a:spcPct val="90000"/>
              </a:lnSpc>
              <a:spcBef>
                <a:spcPts val="0"/>
              </a:spcBef>
              <a:buSzPct val="250000"/>
              <a:buFontTx/>
              <a:buNone/>
              <a:defRPr sz="4999" b="1">
                <a:solidFill>
                  <a:schemeClr val="tx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F8CAD756-B78D-4C24-A046-635EAEC538A6}" type="datetime1">
              <a:rPr lang="da-DK" smtClean="0"/>
              <a:t>09-04-2026</a:t>
            </a:fld>
            <a:r>
              <a:rPr lang="da-DK"/>
              <a:t>18-08-2024</a:t>
            </a:r>
          </a:p>
        </p:txBody>
      </p:sp>
      <p:sp>
        <p:nvSpPr>
          <p:cNvPr id="10" name="Footer Placeholder 9" hidden="1"/>
          <p:cNvSpPr>
            <a:spLocks noGrp="1"/>
          </p:cNvSpPr>
          <p:nvPr>
            <p:ph type="ftr" sz="quarter" idx="14"/>
          </p:nvPr>
        </p:nvSpPr>
        <p:spPr>
          <a:xfrm>
            <a:off x="0" y="7020000"/>
            <a:ext cx="0" cy="0"/>
          </a:xfrm>
          <a:prstGeom prst="rect">
            <a:avLst/>
          </a:prstGeom>
        </p:spPr>
        <p:txBody>
          <a:bodyPr/>
          <a:lstStyle/>
          <a:p>
            <a:endParaRPr lang="da-DK"/>
          </a:p>
        </p:txBody>
      </p:sp>
      <p:sp>
        <p:nvSpPr>
          <p:cNvPr id="3" name="Text Placeholder 2">
            <a:extLst>
              <a:ext uri="{FF2B5EF4-FFF2-40B4-BE49-F238E27FC236}">
                <a16:creationId xmlns:a16="http://schemas.microsoft.com/office/drawing/2014/main" id="{34B50F68-F725-84C3-150A-3F98ACC42A1D}"/>
              </a:ext>
            </a:extLst>
          </p:cNvPr>
          <p:cNvSpPr>
            <a:spLocks noGrp="1"/>
          </p:cNvSpPr>
          <p:nvPr>
            <p:ph type="body" sz="quarter" idx="16" hasCustomPrompt="1"/>
          </p:nvPr>
        </p:nvSpPr>
        <p:spPr>
          <a:xfrm>
            <a:off x="1005389" y="1958977"/>
            <a:ext cx="10220325" cy="1181993"/>
          </a:xfrm>
        </p:spPr>
        <p:txBody>
          <a:bodyPr/>
          <a:lstStyle>
            <a:lvl1pPr marL="0" indent="0" algn="l">
              <a:lnSpc>
                <a:spcPct val="90000"/>
              </a:lnSpc>
              <a:spcBef>
                <a:spcPts val="0"/>
              </a:spcBef>
              <a:buSzPct val="250000"/>
              <a:buFontTx/>
              <a:buNone/>
              <a:defRPr sz="9997" b="1">
                <a:solidFill>
                  <a:schemeClr val="tx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Indsæt tal</a:t>
            </a:r>
          </a:p>
        </p:txBody>
      </p:sp>
      <p:sp>
        <p:nvSpPr>
          <p:cNvPr id="2" name="TextBox 8">
            <a:extLst>
              <a:ext uri="{FF2B5EF4-FFF2-40B4-BE49-F238E27FC236}">
                <a16:creationId xmlns:a16="http://schemas.microsoft.com/office/drawing/2014/main" id="{0B43E0A2-76B5-92C6-93E9-C0821E033A9C}"/>
              </a:ext>
            </a:extLst>
          </p:cNvPr>
          <p:cNvSpPr txBox="1"/>
          <p:nvPr userDrawn="1"/>
        </p:nvSpPr>
        <p:spPr>
          <a:xfrm>
            <a:off x="-2114500" y="3288986"/>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t>
            </a:r>
            <a:br>
              <a:rPr lang="da-DK" sz="1000" noProof="1">
                <a:solidFill>
                  <a:schemeClr val="tx1">
                    <a:lumMod val="75000"/>
                    <a:lumOff val="25000"/>
                  </a:schemeClr>
                </a:solidFill>
              </a:rPr>
            </a:br>
            <a:r>
              <a:rPr lang="da-DK" sz="1000" noProof="1">
                <a:solidFill>
                  <a:schemeClr val="tx1">
                    <a:lumMod val="75000"/>
                    <a:lumOff val="25000"/>
                  </a:schemeClr>
                </a:solidFill>
              </a:rPr>
              <a:t>af teksten  med hvid</a:t>
            </a:r>
            <a:endParaRPr lang="da-DK" sz="4798"/>
          </a:p>
        </p:txBody>
      </p:sp>
    </p:spTree>
    <p:extLst>
      <p:ext uri="{BB962C8B-B14F-4D97-AF65-F5344CB8AC3E}">
        <p14:creationId xmlns:p14="http://schemas.microsoft.com/office/powerpoint/2010/main" val="1140194183"/>
      </p:ext>
    </p:extLst>
  </p:cSld>
  <p:clrMapOvr>
    <a:masterClrMapping/>
  </p:clrMapOvr>
  <p:transition spd="slow">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Fact slide dark">
    <p:spTree>
      <p:nvGrpSpPr>
        <p:cNvPr id="1" name=""/>
        <p:cNvGrpSpPr/>
        <p:nvPr/>
      </p:nvGrpSpPr>
      <p:grpSpPr>
        <a:xfrm>
          <a:off x="0" y="0"/>
          <a:ext cx="0" cy="0"/>
          <a:chOff x="0" y="0"/>
          <a:chExt cx="0" cy="0"/>
        </a:xfrm>
      </p:grpSpPr>
      <p:sp>
        <p:nvSpPr>
          <p:cNvPr id="22" name="Farvet baggrund"/>
          <p:cNvSpPr/>
          <p:nvPr userDrawn="1"/>
        </p:nvSpPr>
        <p:spPr>
          <a:xfrm>
            <a:off x="-21212"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26"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076" rIns="0" bIns="0" anchor="t" anchorCtr="0">
            <a:spAutoFit/>
          </a:bodyPr>
          <a:lstStyle/>
          <a:p>
            <a:pPr algn="r">
              <a:lnSpc>
                <a:spcPct val="95000"/>
              </a:lnSpc>
              <a:defRPr/>
            </a:pPr>
            <a:r>
              <a:rPr lang="da-DK" sz="700" b="0" cap="all" baseline="0">
                <a:solidFill>
                  <a:schemeClr val="bg1"/>
                </a:solidFill>
                <a:latin typeface="+mn-lt"/>
              </a:rPr>
              <a:t>DATO</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076" rIns="0" bIns="0" anchor="t" anchorCtr="0">
            <a:spAutoFit/>
          </a:bodyPr>
          <a:lstStyle/>
          <a:p>
            <a:pPr algn="l">
              <a:lnSpc>
                <a:spcPct val="95000"/>
              </a:lnSpc>
              <a:defRPr/>
            </a:pPr>
            <a:r>
              <a:rPr lang="da-DK" sz="700" b="0" cap="all" baseline="0">
                <a:solidFill>
                  <a:schemeClr val="bg1"/>
                </a:solidFill>
                <a:latin typeface="+mn-lt"/>
              </a:rPr>
              <a:t>TITEL</a:t>
            </a:r>
          </a:p>
        </p:txBody>
      </p:sp>
      <p:sp>
        <p:nvSpPr>
          <p:cNvPr id="27"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r>
              <a:rPr lang="da-DK" sz="700" b="0" cap="all" baseline="0">
                <a:solidFill>
                  <a:schemeClr val="bg1"/>
                </a:solidFill>
                <a:latin typeface="+mn-lt"/>
              </a:rPr>
              <a:t>TITEL</a:t>
            </a: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1911" rIns="0" bIns="0" anchor="t" anchorCtr="0">
            <a:spAutoFit/>
          </a:bodyPr>
          <a:lstStyle/>
          <a:p>
            <a:pPr algn="l">
              <a:lnSpc>
                <a:spcPct val="95000"/>
              </a:lnSpc>
              <a:defRPr/>
            </a:pPr>
            <a:r>
              <a:rPr lang="da-DK" sz="700" b="0" cap="all" baseline="0">
                <a:solidFill>
                  <a:schemeClr val="bg1"/>
                </a:solidFill>
                <a:latin typeface="+mn-lt"/>
              </a:rPr>
              <a:t>NAV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1" y="5997602"/>
            <a:ext cx="71734" cy="557999"/>
          </a:xfrm>
          <a:prstGeom prst="rect">
            <a:avLst/>
          </a:prstGeom>
        </p:spPr>
      </p:pic>
      <p:pic>
        <p:nvPicPr>
          <p:cNvPr id="614507352" name="SecondaryLogo"/>
          <p:cNvPicPr>
            <a:picLocks noChangeAspect="1"/>
          </p:cNvPicPr>
          <p:nvPr/>
        </p:nvPicPr>
        <p:blipFill>
          <a:blip r:embed="rId4"/>
          <a:stretch>
            <a:fillRect/>
          </a:stretch>
        </p:blipFill>
        <p:spPr>
          <a:xfrm>
            <a:off x="10206001" y="5997600"/>
            <a:ext cx="1658237" cy="558000"/>
          </a:xfrm>
          <a:prstGeom prst="rect">
            <a:avLst/>
          </a:prstGeom>
        </p:spPr>
      </p:pic>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1FEAECBB-2B32-4520-BAB7-5F29DE0B065E}"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
        <p:nvSpPr>
          <p:cNvPr id="5" name="Text Placeholder 2">
            <a:extLst>
              <a:ext uri="{FF2B5EF4-FFF2-40B4-BE49-F238E27FC236}">
                <a16:creationId xmlns:a16="http://schemas.microsoft.com/office/drawing/2014/main" id="{1257501D-DD2A-E9E6-9B96-CAB3992E4058}"/>
              </a:ext>
            </a:extLst>
          </p:cNvPr>
          <p:cNvSpPr>
            <a:spLocks noGrp="1"/>
          </p:cNvSpPr>
          <p:nvPr>
            <p:ph type="body" sz="quarter" idx="13" hasCustomPrompt="1"/>
          </p:nvPr>
        </p:nvSpPr>
        <p:spPr>
          <a:xfrm>
            <a:off x="985839" y="3284984"/>
            <a:ext cx="10220325" cy="1800200"/>
          </a:xfrm>
        </p:spPr>
        <p:txBody>
          <a:bodyPr/>
          <a:lstStyle>
            <a:lvl1pPr marL="0" indent="0" algn="l">
              <a:lnSpc>
                <a:spcPct val="90000"/>
              </a:lnSpc>
              <a:spcBef>
                <a:spcPts val="0"/>
              </a:spcBef>
              <a:buSzPct val="250000"/>
              <a:buFontTx/>
              <a:buNone/>
              <a:defRPr sz="4999" b="0">
                <a:solidFill>
                  <a:schemeClr val="bg1"/>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6" name="Text Placeholder 2">
            <a:extLst>
              <a:ext uri="{FF2B5EF4-FFF2-40B4-BE49-F238E27FC236}">
                <a16:creationId xmlns:a16="http://schemas.microsoft.com/office/drawing/2014/main" id="{E29E28A1-97B7-F1CB-E6E2-1BDC8FD819E4}"/>
              </a:ext>
            </a:extLst>
          </p:cNvPr>
          <p:cNvSpPr>
            <a:spLocks noGrp="1"/>
          </p:cNvSpPr>
          <p:nvPr>
            <p:ph type="body" sz="quarter" idx="16" hasCustomPrompt="1"/>
          </p:nvPr>
        </p:nvSpPr>
        <p:spPr>
          <a:xfrm>
            <a:off x="1005389" y="1961214"/>
            <a:ext cx="10220325" cy="1139982"/>
          </a:xfrm>
        </p:spPr>
        <p:txBody>
          <a:bodyPr/>
          <a:lstStyle>
            <a:lvl1pPr marL="0" indent="0" algn="l">
              <a:lnSpc>
                <a:spcPct val="90000"/>
              </a:lnSpc>
              <a:spcBef>
                <a:spcPts val="0"/>
              </a:spcBef>
              <a:buSzPct val="250000"/>
              <a:buFontTx/>
              <a:buNone/>
              <a:defRPr sz="9997" b="1">
                <a:solidFill>
                  <a:schemeClr val="bg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Indsæt tal</a:t>
            </a:r>
          </a:p>
        </p:txBody>
      </p:sp>
      <p:sp>
        <p:nvSpPr>
          <p:cNvPr id="7" name="TextBox 8">
            <a:extLst>
              <a:ext uri="{FF2B5EF4-FFF2-40B4-BE49-F238E27FC236}">
                <a16:creationId xmlns:a16="http://schemas.microsoft.com/office/drawing/2014/main" id="{5E0D6ED6-E5B7-6E7D-A819-8B24146CA6DF}"/>
              </a:ext>
            </a:extLst>
          </p:cNvPr>
          <p:cNvSpPr txBox="1"/>
          <p:nvPr userDrawn="1"/>
        </p:nvSpPr>
        <p:spPr>
          <a:xfrm>
            <a:off x="-2042492" y="3297559"/>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 med AU Passata Bold </a:t>
            </a:r>
            <a:br>
              <a:rPr lang="da-DK" sz="1000" noProof="1">
                <a:solidFill>
                  <a:schemeClr val="tx1">
                    <a:lumMod val="75000"/>
                    <a:lumOff val="25000"/>
                  </a:schemeClr>
                </a:solidFill>
              </a:rPr>
            </a:br>
            <a:r>
              <a:rPr lang="da-DK" sz="1000" noProof="1">
                <a:solidFill>
                  <a:schemeClr val="tx1">
                    <a:lumMod val="75000"/>
                    <a:lumOff val="25000"/>
                  </a:schemeClr>
                </a:solidFill>
              </a:rPr>
              <a:t>eller med din temafarve</a:t>
            </a:r>
            <a:endParaRPr lang="da-DK" sz="4798"/>
          </a:p>
        </p:txBody>
      </p:sp>
    </p:spTree>
    <p:extLst>
      <p:ext uri="{BB962C8B-B14F-4D97-AF65-F5344CB8AC3E}">
        <p14:creationId xmlns:p14="http://schemas.microsoft.com/office/powerpoint/2010/main" val="3538776981"/>
      </p:ext>
    </p:extLst>
  </p:cSld>
  <p:clrMapOvr>
    <a:masterClrMapping/>
  </p:clrMapOvr>
  <p:transition spd="slow">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Fact slide image">
    <p:bg>
      <p:bgPr>
        <a:solidFill>
          <a:schemeClr val="bg1">
            <a:alpha val="37000"/>
          </a:schemeClr>
        </a:solidFill>
        <a:effectLst/>
      </p:bgPr>
    </p:bg>
    <p:spTree>
      <p:nvGrpSpPr>
        <p:cNvPr id="1" name=""/>
        <p:cNvGrpSpPr/>
        <p:nvPr/>
      </p:nvGrpSpPr>
      <p:grpSpPr>
        <a:xfrm>
          <a:off x="0" y="0"/>
          <a:ext cx="0" cy="0"/>
          <a:chOff x="0" y="0"/>
          <a:chExt cx="0" cy="0"/>
        </a:xfrm>
      </p:grpSpPr>
      <p:sp>
        <p:nvSpPr>
          <p:cNvPr id="8" name="Pladsholder til billede 7">
            <a:extLst>
              <a:ext uri="{FF2B5EF4-FFF2-40B4-BE49-F238E27FC236}">
                <a16:creationId xmlns:a16="http://schemas.microsoft.com/office/drawing/2014/main" id="{2C8D26D0-0E26-499C-2B40-1E32402E9CA8}"/>
              </a:ext>
            </a:extLst>
          </p:cNvPr>
          <p:cNvSpPr>
            <a:spLocks noGrp="1"/>
          </p:cNvSpPr>
          <p:nvPr>
            <p:ph type="pic" sz="quarter" idx="17" hasCustomPrompt="1"/>
          </p:nvPr>
        </p:nvSpPr>
        <p:spPr>
          <a:xfrm>
            <a:off x="25469" y="0"/>
            <a:ext cx="12188825" cy="6858000"/>
          </a:xfrm>
          <a:solidFill>
            <a:schemeClr val="bg1">
              <a:lumMod val="85000"/>
            </a:schemeClr>
          </a:solidFill>
        </p:spPr>
        <p:txBody>
          <a:bodyPr/>
          <a:lstStyle/>
          <a:p>
            <a:pPr marL="0" marR="0" lvl="0" indent="0" algn="l" defTabSz="914126" rtl="0" eaLnBrk="1" fontAlgn="base" latinLnBrk="0" hangingPunct="1">
              <a:lnSpc>
                <a:spcPct val="90000"/>
              </a:lnSpc>
              <a:spcBef>
                <a:spcPts val="600"/>
              </a:spcBef>
              <a:spcAft>
                <a:spcPct val="0"/>
              </a:spcAft>
              <a:buClr>
                <a:schemeClr val="tx1"/>
              </a:buClr>
              <a:buSzPct val="100000"/>
              <a:buFont typeface="Calibri" panose="020F0502020204030204" pitchFamily="34" charset="0"/>
              <a:buChar char="​"/>
              <a:tabLst/>
              <a:defRPr/>
            </a:pPr>
            <a:r>
              <a:rPr lang="da-DK"/>
              <a:t>Klik her og tilføj billede via </a:t>
            </a:r>
            <a:r>
              <a:rPr lang="da-DK" err="1"/>
              <a:t>Templafy</a:t>
            </a:r>
            <a:r>
              <a:rPr lang="da-DK"/>
              <a:t> billedbibliotek</a:t>
            </a:r>
          </a:p>
          <a:p>
            <a:endParaRPr lang="da-DK"/>
          </a:p>
        </p:txBody>
      </p:sp>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accent1"/>
                </a:solidFill>
                <a:effectLst/>
                <a:latin typeface="AU Passata" pitchFamily="34" charset="0"/>
              </a:rPr>
              <a:t>Aarhus
Universitet</a:t>
            </a:r>
          </a:p>
        </p:txBody>
      </p:sp>
      <p:sp>
        <p:nvSpPr>
          <p:cNvPr id="26"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076" rIns="0" bIns="0" anchor="t" anchorCtr="0">
            <a:spAutoFit/>
          </a:bodyPr>
          <a:lstStyle/>
          <a:p>
            <a:pPr algn="r">
              <a:lnSpc>
                <a:spcPct val="95000"/>
              </a:lnSpc>
              <a:defRPr/>
            </a:pPr>
            <a:r>
              <a:rPr lang="da-DK" sz="700" b="0" cap="all" baseline="0">
                <a:solidFill>
                  <a:schemeClr val="bg1"/>
                </a:solidFill>
                <a:latin typeface="+mn-lt"/>
              </a:rPr>
              <a:t>DATO</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076" rIns="0" bIns="0" anchor="t" anchorCtr="0">
            <a:spAutoFit/>
          </a:bodyPr>
          <a:lstStyle/>
          <a:p>
            <a:pPr algn="l">
              <a:lnSpc>
                <a:spcPct val="95000"/>
              </a:lnSpc>
              <a:defRPr/>
            </a:pPr>
            <a:r>
              <a:rPr lang="da-DK" sz="700" b="0" cap="all" baseline="0">
                <a:solidFill>
                  <a:schemeClr val="bg1"/>
                </a:solidFill>
                <a:latin typeface="+mn-lt"/>
              </a:rPr>
              <a:t>TITEL</a:t>
            </a:r>
          </a:p>
        </p:txBody>
      </p:sp>
      <p:sp>
        <p:nvSpPr>
          <p:cNvPr id="27"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r>
              <a:rPr lang="da-DK" sz="700" b="0" cap="all" baseline="0">
                <a:solidFill>
                  <a:schemeClr val="bg1"/>
                </a:solidFill>
                <a:latin typeface="+mn-lt"/>
              </a:rPr>
              <a:t>TITEL</a:t>
            </a: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1911" rIns="0" bIns="0" anchor="t" anchorCtr="0">
            <a:spAutoFit/>
          </a:bodyPr>
          <a:lstStyle/>
          <a:p>
            <a:pPr algn="l">
              <a:lnSpc>
                <a:spcPct val="95000"/>
              </a:lnSpc>
              <a:defRPr/>
            </a:pPr>
            <a:r>
              <a:rPr lang="da-DK" sz="700" b="0" cap="all" baseline="0">
                <a:solidFill>
                  <a:schemeClr val="bg1"/>
                </a:solidFill>
                <a:latin typeface="+mn-lt"/>
              </a:rPr>
              <a:t>NAVN</a:t>
            </a:r>
          </a:p>
        </p:txBody>
      </p:sp>
      <p:pic>
        <p:nvPicPr>
          <p:cNvPr id="17" name="Au logo"/>
          <p:cNvPicPr>
            <a:picLocks noChangeAspect="1"/>
          </p:cNvPicPr>
          <p:nvPr userDrawn="1"/>
        </p:nvPicPr>
        <p:blipFill>
          <a:blip r:embed="rId2" cstate="print">
            <a:duotone>
              <a:prstClr val="black"/>
              <a:schemeClr val="accent1">
                <a:tint val="45000"/>
                <a:satMod val="400000"/>
              </a:schemeClr>
            </a:duotone>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1" y="5997602"/>
            <a:ext cx="71734" cy="557999"/>
          </a:xfrm>
          <a:prstGeom prst="rect">
            <a:avLst/>
          </a:prstGeom>
        </p:spPr>
      </p:pic>
      <p:pic>
        <p:nvPicPr>
          <p:cNvPr id="614507352" name="SecondaryLogo"/>
          <p:cNvPicPr>
            <a:picLocks noChangeAspect="1"/>
          </p:cNvPicPr>
          <p:nvPr/>
        </p:nvPicPr>
        <p:blipFill>
          <a:blip r:embed="rId4">
            <a:duotone>
              <a:prstClr val="black"/>
              <a:schemeClr val="accent1">
                <a:tint val="45000"/>
                <a:satMod val="400000"/>
              </a:schemeClr>
            </a:duotone>
          </a:blip>
          <a:stretch>
            <a:fillRect/>
          </a:stretch>
        </p:blipFill>
        <p:spPr>
          <a:xfrm>
            <a:off x="10206001" y="5997600"/>
            <a:ext cx="1658237" cy="558000"/>
          </a:xfrm>
          <a:prstGeom prst="rect">
            <a:avLst/>
          </a:prstGeom>
        </p:spPr>
      </p:pic>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D16303DC-AE31-429B-B3F1-DEAC3A634BBC}" type="datetime1">
              <a:rPr lang="da-DK" smtClean="0"/>
              <a:t>09-04-2026</a:t>
            </a:fld>
            <a:r>
              <a:rPr lang="da-DK"/>
              <a:t>18-08-2024</a:t>
            </a:r>
          </a:p>
        </p:txBody>
      </p:sp>
      <p:sp>
        <p:nvSpPr>
          <p:cNvPr id="3" name="Footer Placeholder 2" hidden="1"/>
          <p:cNvSpPr>
            <a:spLocks noGrp="1"/>
          </p:cNvSpPr>
          <p:nvPr>
            <p:ph type="ftr" sz="quarter" idx="11"/>
          </p:nvPr>
        </p:nvSpPr>
        <p:spPr>
          <a:xfrm>
            <a:off x="0" y="7020000"/>
            <a:ext cx="0" cy="0"/>
          </a:xfrm>
          <a:prstGeom prst="rect">
            <a:avLst/>
          </a:prstGeom>
        </p:spPr>
        <p:txBody>
          <a:bodyPr/>
          <a:lstStyle/>
          <a:p>
            <a:endParaRPr lang="da-DK"/>
          </a:p>
        </p:txBody>
      </p:sp>
      <p:sp>
        <p:nvSpPr>
          <p:cNvPr id="5" name="Text Placeholder 2">
            <a:extLst>
              <a:ext uri="{FF2B5EF4-FFF2-40B4-BE49-F238E27FC236}">
                <a16:creationId xmlns:a16="http://schemas.microsoft.com/office/drawing/2014/main" id="{1257501D-DD2A-E9E6-9B96-CAB3992E4058}"/>
              </a:ext>
            </a:extLst>
          </p:cNvPr>
          <p:cNvSpPr>
            <a:spLocks noGrp="1"/>
          </p:cNvSpPr>
          <p:nvPr>
            <p:ph type="body" sz="quarter" idx="13" hasCustomPrompt="1"/>
          </p:nvPr>
        </p:nvSpPr>
        <p:spPr>
          <a:xfrm>
            <a:off x="985839" y="3140968"/>
            <a:ext cx="10220325" cy="1800200"/>
          </a:xfrm>
        </p:spPr>
        <p:txBody>
          <a:bodyPr/>
          <a:lstStyle>
            <a:lvl1pPr marL="0" indent="0" algn="l">
              <a:lnSpc>
                <a:spcPct val="90000"/>
              </a:lnSpc>
              <a:spcBef>
                <a:spcPts val="0"/>
              </a:spcBef>
              <a:buSzPct val="250000"/>
              <a:buFontTx/>
              <a:buNone/>
              <a:defRPr sz="4999" b="0">
                <a:solidFill>
                  <a:schemeClr val="bg1"/>
                </a:solidFill>
                <a:latin typeface="AU Passata Light" panose="020B0303030902030804" pitchFamily="34" charset="77"/>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6" name="Text Placeholder 2">
            <a:extLst>
              <a:ext uri="{FF2B5EF4-FFF2-40B4-BE49-F238E27FC236}">
                <a16:creationId xmlns:a16="http://schemas.microsoft.com/office/drawing/2014/main" id="{E29E28A1-97B7-F1CB-E6E2-1BDC8FD819E4}"/>
              </a:ext>
            </a:extLst>
          </p:cNvPr>
          <p:cNvSpPr>
            <a:spLocks noGrp="1"/>
          </p:cNvSpPr>
          <p:nvPr>
            <p:ph type="body" sz="quarter" idx="16" hasCustomPrompt="1"/>
          </p:nvPr>
        </p:nvSpPr>
        <p:spPr>
          <a:xfrm>
            <a:off x="1005389" y="1958977"/>
            <a:ext cx="10220325" cy="1187873"/>
          </a:xfrm>
        </p:spPr>
        <p:txBody>
          <a:bodyPr/>
          <a:lstStyle>
            <a:lvl1pPr marL="0" indent="0" algn="l">
              <a:lnSpc>
                <a:spcPct val="90000"/>
              </a:lnSpc>
              <a:spcBef>
                <a:spcPts val="0"/>
              </a:spcBef>
              <a:buSzPct val="250000"/>
              <a:buFontTx/>
              <a:buNone/>
              <a:defRPr sz="7998" b="1">
                <a:solidFill>
                  <a:schemeClr val="bg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Indsæt tal</a:t>
            </a:r>
          </a:p>
        </p:txBody>
      </p:sp>
      <p:sp>
        <p:nvSpPr>
          <p:cNvPr id="7" name="TextBox 8">
            <a:extLst>
              <a:ext uri="{FF2B5EF4-FFF2-40B4-BE49-F238E27FC236}">
                <a16:creationId xmlns:a16="http://schemas.microsoft.com/office/drawing/2014/main" id="{8AE98E6A-7C3F-D374-7D84-C4C452240E2C}"/>
              </a:ext>
            </a:extLst>
          </p:cNvPr>
          <p:cNvSpPr txBox="1"/>
          <p:nvPr userDrawn="1"/>
        </p:nvSpPr>
        <p:spPr>
          <a:xfrm>
            <a:off x="-2114500" y="3288986"/>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Fremhæv evt dele af teksten med AU Passata Bold </a:t>
            </a:r>
            <a:br>
              <a:rPr lang="da-DK" sz="1000" noProof="1">
                <a:solidFill>
                  <a:schemeClr val="tx1">
                    <a:lumMod val="75000"/>
                    <a:lumOff val="25000"/>
                  </a:schemeClr>
                </a:solidFill>
              </a:rPr>
            </a:br>
            <a:r>
              <a:rPr lang="da-DK" sz="1000" noProof="1">
                <a:solidFill>
                  <a:schemeClr val="tx1">
                    <a:lumMod val="75000"/>
                    <a:lumOff val="25000"/>
                  </a:schemeClr>
                </a:solidFill>
              </a:rPr>
              <a:t>eller med din temafarve</a:t>
            </a:r>
            <a:endParaRPr lang="da-DK" sz="4798"/>
          </a:p>
        </p:txBody>
      </p:sp>
    </p:spTree>
    <p:extLst>
      <p:ext uri="{BB962C8B-B14F-4D97-AF65-F5344CB8AC3E}">
        <p14:creationId xmlns:p14="http://schemas.microsoft.com/office/powerpoint/2010/main" val="2791457558"/>
      </p:ext>
    </p:extLst>
  </p:cSld>
  <p:clrMapOvr>
    <a:masterClrMapping/>
  </p:clrMapOvr>
  <p:transition spd="slow">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ext and picture">
    <p:spTree>
      <p:nvGrpSpPr>
        <p:cNvPr id="1" name=""/>
        <p:cNvGrpSpPr/>
        <p:nvPr/>
      </p:nvGrpSpPr>
      <p:grpSpPr>
        <a:xfrm>
          <a:off x="0" y="0"/>
          <a:ext cx="0" cy="0"/>
          <a:chOff x="0" y="0"/>
          <a:chExt cx="0" cy="0"/>
        </a:xfrm>
      </p:grpSpPr>
      <p:sp>
        <p:nvSpPr>
          <p:cNvPr id="14" name="Hvid baggrund"/>
          <p:cNvSpPr/>
          <p:nvPr userDrawn="1"/>
        </p:nvSpPr>
        <p:spPr bwMode="auto">
          <a:xfrm>
            <a:off x="0" y="0"/>
            <a:ext cx="12193200" cy="5911200"/>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5" name="Black Rectangle"/>
          <p:cNvSpPr/>
          <p:nvPr userDrawn="1"/>
        </p:nvSpPr>
        <p:spPr>
          <a:xfrm>
            <a:off x="990000" y="1045684"/>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2" name="Title 1"/>
          <p:cNvSpPr>
            <a:spLocks noGrp="1"/>
          </p:cNvSpPr>
          <p:nvPr>
            <p:ph type="title" hasCustomPrompt="1"/>
          </p:nvPr>
        </p:nvSpPr>
        <p:spPr>
          <a:xfrm>
            <a:off x="316800" y="230400"/>
            <a:ext cx="5644263" cy="752400"/>
          </a:xfrm>
        </p:spPr>
        <p:txBody>
          <a:bodyPr anchor="t" anchorCtr="0"/>
          <a:lstStyle>
            <a:lvl1pPr>
              <a:defRPr/>
            </a:lvl1pPr>
          </a:lstStyle>
          <a:p>
            <a:r>
              <a:rPr lang="da-DK"/>
              <a:t>Insert title</a:t>
            </a:r>
          </a:p>
        </p:txBody>
      </p:sp>
      <p:sp>
        <p:nvSpPr>
          <p:cNvPr id="10" name="Text Placeholder 2"/>
          <p:cNvSpPr>
            <a:spLocks noGrp="1"/>
          </p:cNvSpPr>
          <p:nvPr>
            <p:ph type="body" sz="quarter" idx="14"/>
          </p:nvPr>
        </p:nvSpPr>
        <p:spPr>
          <a:xfrm>
            <a:off x="985838" y="1371600"/>
            <a:ext cx="4975225" cy="452596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7" name="Picture Placeholder 3"/>
          <p:cNvSpPr>
            <a:spLocks noGrp="1"/>
          </p:cNvSpPr>
          <p:nvPr>
            <p:ph type="pic" sz="quarter" idx="13" hasCustomPrompt="1"/>
          </p:nvPr>
        </p:nvSpPr>
        <p:spPr>
          <a:xfrm>
            <a:off x="6230198" y="315913"/>
            <a:ext cx="5644110" cy="558165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75517ACD-EE1E-4EC1-A0A5-F8842A09FB4C}" type="datetime1">
              <a:rPr lang="da-DK" smtClean="0"/>
              <a:t>09-04-2026</a:t>
            </a:fld>
            <a:endParaRPr lang="da-DK"/>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3999787102"/>
      </p:ext>
    </p:extLst>
  </p:cSld>
  <p:clrMapOvr>
    <a:masterClrMapping/>
  </p:clrMapOvr>
  <p:extLst>
    <p:ext uri="{DCECCB84-F9BA-43D5-87BE-67443E8EF086}">
      <p15:sldGuideLst xmlns:p15="http://schemas.microsoft.com/office/powerpoint/2012/main">
        <p15:guide id="1" pos="3924" userDrawn="1">
          <p15:clr>
            <a:srgbClr val="A4A3A4"/>
          </p15:clr>
        </p15:guide>
        <p15:guide id="2" pos="3755" userDrawn="1">
          <p15:clr>
            <a:srgbClr val="A4A3A4"/>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Image slide">
    <p:spTree>
      <p:nvGrpSpPr>
        <p:cNvPr id="1" name=""/>
        <p:cNvGrpSpPr/>
        <p:nvPr/>
      </p:nvGrpSpPr>
      <p:grpSpPr>
        <a:xfrm>
          <a:off x="0" y="0"/>
          <a:ext cx="0" cy="0"/>
          <a:chOff x="0" y="0"/>
          <a:chExt cx="0" cy="0"/>
        </a:xfrm>
      </p:grpSpPr>
      <p:sp>
        <p:nvSpPr>
          <p:cNvPr id="5" name="Picture Placeholder 1"/>
          <p:cNvSpPr>
            <a:spLocks noGrp="1"/>
          </p:cNvSpPr>
          <p:nvPr>
            <p:ph type="pic" sz="quarter" idx="11" hasCustomPrompt="1"/>
          </p:nvPr>
        </p:nvSpPr>
        <p:spPr>
          <a:xfrm>
            <a:off x="304800" y="316800"/>
            <a:ext cx="11571600" cy="55836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304A3479-99DD-4350-B63E-A2147C0CB07D}" type="datetime1">
              <a:rPr lang="da-DK" smtClean="0"/>
              <a:t>09-04-2026</a:t>
            </a:fld>
            <a:r>
              <a:rPr lang="da-DK"/>
              <a:t>18-08-2024</a:t>
            </a:r>
          </a:p>
        </p:txBody>
      </p:sp>
      <p:sp>
        <p:nvSpPr>
          <p:cNvPr id="7" name="Footer Placeholder 6" hidden="1"/>
          <p:cNvSpPr>
            <a:spLocks noGrp="1"/>
          </p:cNvSpPr>
          <p:nvPr>
            <p:ph type="ftr" sz="quarter" idx="13"/>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609765709"/>
      </p:ext>
    </p:extLst>
  </p:cSld>
  <p:clrMapOvr>
    <a:masterClrMapping/>
  </p:clrMapOvr>
  <p:transition spd="slow">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Full slide image">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315913" y="315913"/>
            <a:ext cx="11557000" cy="6220354"/>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89A56796-DD61-49CF-B6E2-1C42CFC612D7}" type="datetime1">
              <a:rPr lang="da-DK" smtClean="0"/>
              <a:t>09-04-2026</a:t>
            </a:fld>
            <a:r>
              <a:rPr lang="da-DK"/>
              <a:t>18-08-2024</a:t>
            </a:r>
          </a:p>
        </p:txBody>
      </p:sp>
      <p:sp>
        <p:nvSpPr>
          <p:cNvPr id="7" name="Footer Placeholder 6" hidden="1"/>
          <p:cNvSpPr>
            <a:spLocks noGrp="1"/>
          </p:cNvSpPr>
          <p:nvPr>
            <p:ph type="ftr" sz="quarter" idx="13"/>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217628180"/>
      </p:ext>
    </p:extLst>
  </p:cSld>
  <p:clrMapOvr>
    <a:masterClrMapping/>
  </p:clrMapOvr>
  <p:transition spd="slow">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userDrawn="1">
  <p:cSld name="Full slide image and text">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0" y="15097"/>
            <a:ext cx="12200490" cy="6842905"/>
          </a:xfrm>
          <a:solidFill>
            <a:schemeClr val="bg1">
              <a:lumMod val="85000"/>
            </a:schemeClr>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6" name="Date Placeholder 5" hidden="1"/>
          <p:cNvSpPr>
            <a:spLocks noGrp="1"/>
          </p:cNvSpPr>
          <p:nvPr>
            <p:ph type="dt" sz="half" idx="12"/>
          </p:nvPr>
        </p:nvSpPr>
        <p:spPr/>
        <p:txBody>
          <a:bodyPr/>
          <a:lstStyle/>
          <a:p>
            <a:fld id="{867A6450-E16D-4E64-AA2C-F4F2F0D5C7D3}" type="datetime1">
              <a:rPr lang="da-DK" smtClean="0"/>
              <a:t>09-04-2026</a:t>
            </a:fld>
            <a:r>
              <a:rPr lang="da-DK"/>
              <a:t>18-08-2024</a:t>
            </a:r>
          </a:p>
        </p:txBody>
      </p:sp>
      <p:sp>
        <p:nvSpPr>
          <p:cNvPr id="7" name="Footer Placeholder 6" hidden="1"/>
          <p:cNvSpPr>
            <a:spLocks noGrp="1"/>
          </p:cNvSpPr>
          <p:nvPr>
            <p:ph type="ftr" sz="quarter" idx="13"/>
          </p:nvPr>
        </p:nvSpPr>
        <p:spPr>
          <a:xfrm>
            <a:off x="0" y="7020000"/>
            <a:ext cx="0" cy="0"/>
          </a:xfrm>
          <a:prstGeom prst="rect">
            <a:avLst/>
          </a:prstGeom>
        </p:spPr>
        <p:txBody>
          <a:bodyPr/>
          <a:lstStyle/>
          <a:p>
            <a:endParaRPr lang="da-DK"/>
          </a:p>
        </p:txBody>
      </p:sp>
      <p:sp>
        <p:nvSpPr>
          <p:cNvPr id="5" name="Text Placeholder 2">
            <a:extLst>
              <a:ext uri="{FF2B5EF4-FFF2-40B4-BE49-F238E27FC236}">
                <a16:creationId xmlns:a16="http://schemas.microsoft.com/office/drawing/2014/main" id="{1FB32875-847E-8263-8860-F349AB225C61}"/>
              </a:ext>
            </a:extLst>
          </p:cNvPr>
          <p:cNvSpPr>
            <a:spLocks noGrp="1"/>
          </p:cNvSpPr>
          <p:nvPr>
            <p:ph type="body" sz="quarter" idx="16" hasCustomPrompt="1"/>
          </p:nvPr>
        </p:nvSpPr>
        <p:spPr>
          <a:xfrm>
            <a:off x="1005390" y="1958977"/>
            <a:ext cx="10200774" cy="2406129"/>
          </a:xfrm>
        </p:spPr>
        <p:txBody>
          <a:bodyPr/>
          <a:lstStyle>
            <a:lvl1pPr marL="0" indent="0" algn="l">
              <a:lnSpc>
                <a:spcPct val="100000"/>
              </a:lnSpc>
              <a:spcBef>
                <a:spcPts val="0"/>
              </a:spcBef>
              <a:buSzPct val="250000"/>
              <a:buFontTx/>
              <a:buNone/>
              <a:defRPr sz="5998" b="1">
                <a:solidFill>
                  <a:schemeClr val="bg1"/>
                </a:solidFill>
                <a:latin typeface="+mn-lt"/>
              </a:defRPr>
            </a:lvl1pPr>
            <a:lvl2pPr marL="215935" indent="-215935" algn="ctr">
              <a:lnSpc>
                <a:spcPct val="99000"/>
              </a:lnSpc>
              <a:buFont typeface="Arial" panose="020B0604020202020204" pitchFamily="34" charset="0"/>
              <a:buChar char="-"/>
              <a:defRPr sz="4399" b="1" cap="all" baseline="0">
                <a:latin typeface="+mn-lt"/>
              </a:defRPr>
            </a:lvl2pPr>
            <a:lvl3pPr marL="575827" indent="0">
              <a:buNone/>
              <a:defRPr/>
            </a:lvl3pPr>
          </a:lstStyle>
          <a:p>
            <a:pPr lvl="0"/>
            <a:r>
              <a:rPr lang="da-DK"/>
              <a:t>Klik for at indsætte tekst</a:t>
            </a:r>
          </a:p>
        </p:txBody>
      </p:sp>
      <p:sp>
        <p:nvSpPr>
          <p:cNvPr id="9" name="TextBox 14">
            <a:extLst>
              <a:ext uri="{FF2B5EF4-FFF2-40B4-BE49-F238E27FC236}">
                <a16:creationId xmlns:a16="http://schemas.microsoft.com/office/drawing/2014/main" id="{F18146A3-DF8B-4368-3C6D-76DBC005B016}"/>
              </a:ext>
            </a:extLst>
          </p:cNvPr>
          <p:cNvSpPr txBox="1"/>
          <p:nvPr userDrawn="1"/>
        </p:nvSpPr>
        <p:spPr>
          <a:xfrm>
            <a:off x="-1973598" y="3082506"/>
            <a:ext cx="1825892" cy="923330"/>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Juster evt billedets farve</a:t>
            </a:r>
            <a:br>
              <a:rPr lang="da-DK" sz="1000" baseline="0" noProof="1">
                <a:solidFill>
                  <a:schemeClr val="tx1">
                    <a:lumMod val="75000"/>
                    <a:lumOff val="25000"/>
                  </a:schemeClr>
                </a:solidFill>
              </a:rPr>
            </a:br>
            <a:r>
              <a:rPr lang="da-DK" sz="1000" baseline="0" noProof="1">
                <a:solidFill>
                  <a:schemeClr val="tx1">
                    <a:lumMod val="75000"/>
                    <a:lumOff val="25000"/>
                  </a:schemeClr>
                </a:solidFill>
              </a:rPr>
              <a:t>med din temafarve</a:t>
            </a:r>
            <a:br>
              <a:rPr lang="da-DK" sz="1000" baseline="0" noProof="1">
                <a:solidFill>
                  <a:schemeClr val="tx1">
                    <a:lumMod val="75000"/>
                    <a:lumOff val="25000"/>
                  </a:schemeClr>
                </a:solidFill>
              </a:rPr>
            </a:br>
            <a:r>
              <a:rPr lang="da-DK" sz="1000" baseline="0" noProof="1">
                <a:solidFill>
                  <a:schemeClr val="tx1">
                    <a:lumMod val="75000"/>
                    <a:lumOff val="25000"/>
                  </a:schemeClr>
                </a:solidFill>
              </a:rPr>
              <a:t>under  Format &gt; Farve</a:t>
            </a:r>
          </a:p>
          <a:p>
            <a:pPr algn="r">
              <a:lnSpc>
                <a:spcPct val="100000"/>
              </a:lnSpc>
            </a:pPr>
            <a:endParaRPr lang="da-DK" sz="1000" baseline="0" noProof="1">
              <a:solidFill>
                <a:schemeClr val="tx1">
                  <a:lumMod val="75000"/>
                  <a:lumOff val="25000"/>
                </a:schemeClr>
              </a:solidFill>
            </a:endParaRPr>
          </a:p>
          <a:p>
            <a:pPr algn="r">
              <a:lnSpc>
                <a:spcPct val="100000"/>
              </a:lnSpc>
            </a:pPr>
            <a:r>
              <a:rPr lang="da-DK" sz="1000" baseline="0" noProof="1">
                <a:solidFill>
                  <a:schemeClr val="tx1">
                    <a:lumMod val="75000"/>
                    <a:lumOff val="25000"/>
                  </a:schemeClr>
                </a:solidFill>
              </a:rPr>
              <a:t>Vær obs på at der er god kontrast mellem tekst og billede</a:t>
            </a:r>
            <a:endParaRPr lang="da-DK" sz="4798"/>
          </a:p>
        </p:txBody>
      </p:sp>
    </p:spTree>
    <p:extLst>
      <p:ext uri="{BB962C8B-B14F-4D97-AF65-F5344CB8AC3E}">
        <p14:creationId xmlns:p14="http://schemas.microsoft.com/office/powerpoint/2010/main" val="2542144231"/>
      </p:ext>
    </p:extLst>
  </p:cSld>
  <p:clrMapOvr>
    <a:masterClrMapping/>
  </p:clrMapOvr>
  <p:transition spd="slow">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wo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2425" y="316800"/>
            <a:ext cx="5649175" cy="55836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5" name="Picture Placeholder 2"/>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9" name="Slide Number Placeholder 8"/>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45D93A4E-9F51-4AEA-9C44-BA60D75484A9}" type="datetime1">
              <a:rPr lang="da-DK" smtClean="0"/>
              <a:t>09-04-2026</a:t>
            </a:fld>
            <a:r>
              <a:rPr lang="da-DK"/>
              <a:t>18-08-2024</a:t>
            </a:r>
          </a:p>
        </p:txBody>
      </p:sp>
      <p:sp>
        <p:nvSpPr>
          <p:cNvPr id="8" name="Footer Placeholder 7" hidden="1"/>
          <p:cNvSpPr>
            <a:spLocks noGrp="1"/>
          </p:cNvSpPr>
          <p:nvPr>
            <p:ph type="ftr" sz="quarter" idx="14"/>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480870293"/>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4">
          <p15:clr>
            <a:srgbClr val="A4A3A4"/>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wo pictures full page">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032AF5F5-2757-C1D7-0411-64772C7AC3F3}"/>
              </a:ext>
            </a:extLst>
          </p:cNvPr>
          <p:cNvSpPr/>
          <p:nvPr userDrawn="1"/>
        </p:nvSpPr>
        <p:spPr bwMode="auto">
          <a:xfrm>
            <a:off x="-31923" y="2"/>
            <a:ext cx="12188826" cy="6836063"/>
          </a:xfrm>
          <a:prstGeom prst="rect">
            <a:avLst/>
          </a:prstGeom>
          <a:solidFill>
            <a:schemeClr val="bg1"/>
          </a:solidFill>
          <a:ln w="1778" cap="flat" cmpd="sng" algn="ctr">
            <a:noFill/>
            <a:prstDash val="solid"/>
            <a:round/>
            <a:headEnd type="none" w="med" len="med"/>
            <a:tailEnd type="none" w="med" len="med"/>
          </a:ln>
          <a:effectLst/>
        </p:spPr>
        <p:txBody>
          <a:bodyPr vert="horz" wrap="square" lIns="91416" tIns="45708" rIns="91416" bIns="45708" numCol="1" rtlCol="0" anchor="t" anchorCtr="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4" name="Picture Placeholder 1"/>
          <p:cNvSpPr>
            <a:spLocks noGrp="1"/>
          </p:cNvSpPr>
          <p:nvPr>
            <p:ph type="pic" sz="quarter" idx="11" hasCustomPrompt="1"/>
          </p:nvPr>
        </p:nvSpPr>
        <p:spPr>
          <a:xfrm>
            <a:off x="304800" y="316801"/>
            <a:ext cx="5656800" cy="6241163"/>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5" name="Picture Placeholder 2"/>
          <p:cNvSpPr>
            <a:spLocks noGrp="1"/>
          </p:cNvSpPr>
          <p:nvPr>
            <p:ph type="pic" sz="quarter" idx="12" hasCustomPrompt="1"/>
          </p:nvPr>
        </p:nvSpPr>
        <p:spPr>
          <a:xfrm>
            <a:off x="6231600" y="316800"/>
            <a:ext cx="5644800" cy="6241162"/>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9" name="Slide Number Placeholder 8"/>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E3FD2774-2E94-457B-8C3A-570C248ACB6D}" type="datetime1">
              <a:rPr lang="da-DK" smtClean="0"/>
              <a:t>09-04-2026</a:t>
            </a:fld>
            <a:r>
              <a:rPr lang="da-DK"/>
              <a:t>18-08-2024</a:t>
            </a:r>
          </a:p>
        </p:txBody>
      </p:sp>
      <p:sp>
        <p:nvSpPr>
          <p:cNvPr id="8" name="Footer Placeholder 7" hidden="1"/>
          <p:cNvSpPr>
            <a:spLocks noGrp="1"/>
          </p:cNvSpPr>
          <p:nvPr>
            <p:ph type="ftr" sz="quarter" idx="14"/>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376859716"/>
      </p:ext>
    </p:extLst>
  </p:cSld>
  <p:clrMapOvr>
    <a:masterClrMapping/>
  </p:clrMapOvr>
  <p:transition spd="slow">
    <p:fade/>
  </p:transition>
  <p:extLst>
    <p:ext uri="{DCECCB84-F9BA-43D5-87BE-67443E8EF086}">
      <p15:sldGuideLst xmlns:p15="http://schemas.microsoft.com/office/powerpoint/2012/main">
        <p15:guide id="1" pos="3924">
          <p15:clr>
            <a:srgbClr val="A4A3A4"/>
          </p15:clr>
        </p15:guide>
        <p15:guide id="2" pos="3754">
          <p15:clr>
            <a:srgbClr val="A4A3A4"/>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hree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2425" y="316800"/>
            <a:ext cx="5649175" cy="26532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7" name="Picture Placeholder 2"/>
          <p:cNvSpPr>
            <a:spLocks noGrp="1"/>
          </p:cNvSpPr>
          <p:nvPr>
            <p:ph type="pic" sz="quarter" idx="13" hasCustomPrompt="1"/>
          </p:nvPr>
        </p:nvSpPr>
        <p:spPr>
          <a:xfrm>
            <a:off x="312424" y="3237372"/>
            <a:ext cx="5649176" cy="26532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5" name="Picture Placeholder 3"/>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1F4688AE-5396-497D-B12C-B5721BC09917}" type="datetime1">
              <a:rPr lang="da-DK" smtClean="0"/>
              <a:t>09-04-2026</a:t>
            </a:fld>
            <a:r>
              <a:rPr lang="da-DK"/>
              <a:t>18-08-2024</a:t>
            </a:r>
          </a:p>
        </p:txBody>
      </p:sp>
      <p:sp>
        <p:nvSpPr>
          <p:cNvPr id="9" name="Footer Placeholder 8" hidden="1"/>
          <p:cNvSpPr>
            <a:spLocks noGrp="1"/>
          </p:cNvSpPr>
          <p:nvPr>
            <p:ph type="ftr" sz="quarter" idx="15"/>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529188382"/>
      </p:ext>
    </p:extLst>
  </p:cSld>
  <p:clrMapOvr>
    <a:masterClrMapping/>
  </p:clrMapOvr>
  <p:transition spd="slow">
    <p:fade/>
  </p:transition>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Three pictures II">
    <p:spTree>
      <p:nvGrpSpPr>
        <p:cNvPr id="1" name=""/>
        <p:cNvGrpSpPr/>
        <p:nvPr/>
      </p:nvGrpSpPr>
      <p:grpSpPr>
        <a:xfrm>
          <a:off x="0" y="0"/>
          <a:ext cx="0" cy="0"/>
          <a:chOff x="0" y="0"/>
          <a:chExt cx="0" cy="0"/>
        </a:xfrm>
      </p:grpSpPr>
      <p:sp>
        <p:nvSpPr>
          <p:cNvPr id="5" name="Picture Placeholder 1"/>
          <p:cNvSpPr>
            <a:spLocks noGrp="1"/>
          </p:cNvSpPr>
          <p:nvPr>
            <p:ph type="pic" sz="quarter" idx="12" hasCustomPrompt="1"/>
          </p:nvPr>
        </p:nvSpPr>
        <p:spPr>
          <a:xfrm>
            <a:off x="304800" y="316800"/>
            <a:ext cx="5656800" cy="5583600"/>
          </a:xfrm>
          <a:solidFill>
            <a:schemeClr val="bg1"/>
          </a:solidFill>
        </p:spPr>
        <p:txBody>
          <a:bodyPr/>
          <a:lstStyle>
            <a:lvl1pPr marL="0" indent="0">
              <a:buFontTx/>
              <a:buNone/>
              <a:defRPr b="0"/>
            </a:lvl1pPr>
          </a:lstStyle>
          <a:p>
            <a:r>
              <a:rPr lang="da-DK"/>
              <a:t>Klik her og tilføj billede via </a:t>
            </a:r>
            <a:r>
              <a:rPr lang="da-DK" err="1"/>
              <a:t>Templafy</a:t>
            </a:r>
            <a:r>
              <a:rPr lang="da-DK"/>
              <a:t> billedbibliotek</a:t>
            </a:r>
          </a:p>
        </p:txBody>
      </p:sp>
      <p:sp>
        <p:nvSpPr>
          <p:cNvPr id="4" name="Picture Placeholder 2"/>
          <p:cNvSpPr>
            <a:spLocks noGrp="1"/>
          </p:cNvSpPr>
          <p:nvPr>
            <p:ph type="pic" sz="quarter" idx="11" hasCustomPrompt="1"/>
          </p:nvPr>
        </p:nvSpPr>
        <p:spPr>
          <a:xfrm>
            <a:off x="6231600" y="316800"/>
            <a:ext cx="5644800" cy="26532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7" name="Picture Placeholder 3"/>
          <p:cNvSpPr>
            <a:spLocks noGrp="1"/>
          </p:cNvSpPr>
          <p:nvPr>
            <p:ph type="pic" sz="quarter" idx="13" hasCustomPrompt="1"/>
          </p:nvPr>
        </p:nvSpPr>
        <p:spPr>
          <a:xfrm>
            <a:off x="6231600" y="3237372"/>
            <a:ext cx="5644800" cy="2653200"/>
          </a:xfrm>
        </p:spPr>
        <p:txBody>
          <a:bodyPr/>
          <a:lstStyle>
            <a:lvl1pPr marL="0" indent="0">
              <a:buFontTx/>
              <a:buNone/>
              <a:defRPr b="0"/>
            </a:lvl1pPr>
          </a:lstStyle>
          <a:p>
            <a:r>
              <a:rPr lang="da-DK"/>
              <a:t>Klik her og tilføj billede via </a:t>
            </a:r>
            <a:r>
              <a:rPr lang="da-DK" err="1"/>
              <a:t>Templafy</a:t>
            </a:r>
            <a:r>
              <a:rPr lang="da-DK"/>
              <a:t> billedbibliotek</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91910084-8113-42DA-83EB-43B94B8A2475}" type="datetime1">
              <a:rPr lang="da-DK" smtClean="0"/>
              <a:t>09-04-2026</a:t>
            </a:fld>
            <a:r>
              <a:rPr lang="da-DK"/>
              <a:t>18-08-2024</a:t>
            </a:r>
          </a:p>
        </p:txBody>
      </p:sp>
      <p:sp>
        <p:nvSpPr>
          <p:cNvPr id="9" name="Footer Placeholder 8" hidden="1"/>
          <p:cNvSpPr>
            <a:spLocks noGrp="1"/>
          </p:cNvSpPr>
          <p:nvPr>
            <p:ph type="ftr" sz="quarter" idx="15"/>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621695322"/>
      </p:ext>
    </p:extLst>
  </p:cSld>
  <p:clrMapOvr>
    <a:masterClrMapping/>
  </p:clrMapOvr>
  <p:transition spd="slow">
    <p:fade/>
  </p:transition>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userDrawn="1">
  <p:cSld name="Full slide content">
    <p:spTree>
      <p:nvGrpSpPr>
        <p:cNvPr id="1" name=""/>
        <p:cNvGrpSpPr/>
        <p:nvPr/>
      </p:nvGrpSpPr>
      <p:grpSpPr>
        <a:xfrm>
          <a:off x="0" y="0"/>
          <a:ext cx="0" cy="0"/>
          <a:chOff x="0" y="0"/>
          <a:chExt cx="0" cy="0"/>
        </a:xfrm>
      </p:grpSpPr>
      <p:sp>
        <p:nvSpPr>
          <p:cNvPr id="5" name="Content Placeholder 1"/>
          <p:cNvSpPr>
            <a:spLocks noGrp="1"/>
          </p:cNvSpPr>
          <p:nvPr>
            <p:ph sz="quarter" idx="12" hasCustomPrompt="1"/>
          </p:nvPr>
        </p:nvSpPr>
        <p:spPr>
          <a:xfrm>
            <a:off x="307180" y="328613"/>
            <a:ext cx="11574463" cy="6252884"/>
          </a:xfrm>
        </p:spPr>
        <p:txBody>
          <a:bodyPr/>
          <a:lstStyle/>
          <a:p>
            <a:pPr lvl="0"/>
            <a:r>
              <a:rPr lang="da-DK"/>
              <a:t>Klik for at indsætte indhold</a:t>
            </a:r>
          </a:p>
          <a:p>
            <a:pPr lvl="1"/>
            <a:r>
              <a:rPr lang="da-DK"/>
              <a:t>Andet niveau</a:t>
            </a:r>
          </a:p>
          <a:p>
            <a:pPr lvl="2"/>
            <a:r>
              <a:rPr lang="da-DK"/>
              <a:t>Tredje niveau</a:t>
            </a:r>
          </a:p>
          <a:p>
            <a:pPr lvl="3"/>
            <a:r>
              <a:rPr lang="da-DK"/>
              <a:t>Fjerde niveau</a:t>
            </a:r>
          </a:p>
          <a:p>
            <a:pPr lvl="4"/>
            <a:r>
              <a:rPr lang="da-DK"/>
              <a:t>Femte niveau</a:t>
            </a:r>
          </a:p>
        </p:txBody>
      </p:sp>
      <p:sp>
        <p:nvSpPr>
          <p:cNvPr id="8" name="Slide Number Placeholder 7"/>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02144F50-A815-423C-B5A8-FDD363240732}" type="datetime1">
              <a:rPr lang="da-DK" smtClean="0"/>
              <a:t>09-04-2026</a:t>
            </a:fld>
            <a:r>
              <a:rPr lang="da-DK"/>
              <a:t>18-08-2024</a:t>
            </a:r>
          </a:p>
        </p:txBody>
      </p:sp>
      <p:sp>
        <p:nvSpPr>
          <p:cNvPr id="7" name="Footer Placeholder 6" hidden="1"/>
          <p:cNvSpPr>
            <a:spLocks noGrp="1"/>
          </p:cNvSpPr>
          <p:nvPr>
            <p:ph type="ftr" sz="quarter" idx="14"/>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3652124706"/>
      </p:ext>
    </p:extLst>
  </p:cSld>
  <p:clrMapOvr>
    <a:masterClrMapping/>
  </p:clrMapOvr>
  <p:transition spd="slow">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da-DK"/>
              <a:t>Klik for at </a:t>
            </a:r>
            <a:br>
              <a:rPr lang="da-DK"/>
            </a:br>
            <a:r>
              <a:rPr lang="da-DK"/>
              <a:t>indsætte titel</a:t>
            </a:r>
          </a:p>
        </p:txBody>
      </p:sp>
      <p:sp>
        <p:nvSpPr>
          <p:cNvPr id="6" name="TextBox 5"/>
          <p:cNvSpPr txBox="1"/>
          <p:nvPr userDrawn="1"/>
        </p:nvSpPr>
        <p:spPr>
          <a:xfrm>
            <a:off x="-2160354" y="1022478"/>
            <a:ext cx="2012649" cy="473425"/>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Light</a:t>
            </a:r>
            <a:endParaRPr lang="da-DK" sz="4798"/>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FC5A06EC-3678-494F-B45C-7DD078FEAD9F}"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4288360459"/>
      </p:ext>
    </p:extLst>
  </p:cSld>
  <p:clrMapOvr>
    <a:masterClrMapping/>
  </p:clrMapOvr>
  <p:transition spd="slow">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type="blank" preserve="1">
  <p:cSld name="Empty">
    <p:spTree>
      <p:nvGrpSpPr>
        <p:cNvPr id="1" name=""/>
        <p:cNvGrpSpPr/>
        <p:nvPr/>
      </p:nvGrpSpPr>
      <p:grpSpPr>
        <a:xfrm>
          <a:off x="0" y="0"/>
          <a:ext cx="0" cy="0"/>
          <a:chOff x="0" y="0"/>
          <a:chExt cx="0" cy="0"/>
        </a:xfrm>
      </p:grpSpPr>
      <p:sp>
        <p:nvSpPr>
          <p:cNvPr id="3" name="Rectangle 2"/>
          <p:cNvSpPr/>
          <p:nvPr userDrawn="1"/>
        </p:nvSpPr>
        <p:spPr bwMode="auto">
          <a:xfrm>
            <a:off x="765820" y="1340768"/>
            <a:ext cx="1224136" cy="504056"/>
          </a:xfrm>
          <a:prstGeom prst="rect">
            <a:avLst/>
          </a:prstGeom>
          <a:solidFill>
            <a:schemeClr val="bg1"/>
          </a:solidFill>
          <a:ln w="1778" cap="flat" cmpd="sng" algn="ctr">
            <a:noFill/>
            <a:prstDash val="solid"/>
            <a:round/>
            <a:headEnd type="none" w="med" len="med"/>
            <a:tailEnd type="none" w="med" len="med"/>
          </a:ln>
          <a:effectLst/>
        </p:spPr>
        <p:txBody>
          <a:bodyPr vert="horz" wrap="square" lIns="91416" tIns="45708" rIns="91416" bIns="45708" numCol="1" rtlCol="0" anchor="t" anchorCtr="0" compatLnSpc="1">
            <a:prstTxWarp prst="textNoShape">
              <a:avLst/>
            </a:prstTxWarp>
            <a:noAutofit/>
          </a:bodyPr>
          <a:lstStyle/>
          <a:p>
            <a:pPr marL="0" marR="0" indent="0" algn="l" defTabSz="914126"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Slide Number Placeholder 4"/>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6164687F-EA7C-47ED-98E9-0C0BA79ACC7B}" type="datetime1">
              <a:rPr lang="da-DK" smtClean="0"/>
              <a:t>09-04-2026</a:t>
            </a:fld>
            <a:r>
              <a:rPr lang="da-DK"/>
              <a:t>18-08-2024</a:t>
            </a:r>
          </a:p>
        </p:txBody>
      </p:sp>
      <p:sp>
        <p:nvSpPr>
          <p:cNvPr id="4" name="Footer Placeholder 3"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454624401"/>
      </p:ext>
    </p:extLst>
  </p:cSld>
  <p:clrMapOvr>
    <a:masterClrMapping/>
  </p:clrMapOvr>
  <p:transition spd="slow">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Personal information">
    <p:spTree>
      <p:nvGrpSpPr>
        <p:cNvPr id="1" name=""/>
        <p:cNvGrpSpPr/>
        <p:nvPr/>
      </p:nvGrpSpPr>
      <p:grpSpPr>
        <a:xfrm>
          <a:off x="0" y="0"/>
          <a:ext cx="0" cy="0"/>
          <a:chOff x="0" y="0"/>
          <a:chExt cx="0" cy="0"/>
        </a:xfrm>
      </p:grpSpPr>
      <p:sp>
        <p:nvSpPr>
          <p:cNvPr id="14" name="Hvid baggrund"/>
          <p:cNvSpPr/>
          <p:nvPr userDrawn="1"/>
        </p:nvSpPr>
        <p:spPr bwMode="auto">
          <a:xfrm>
            <a:off x="0" y="0"/>
            <a:ext cx="12193200" cy="5911011"/>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5" name="Black Rectangle"/>
          <p:cNvSpPr/>
          <p:nvPr userDrawn="1"/>
        </p:nvSpPr>
        <p:spPr>
          <a:xfrm>
            <a:off x="1001075" y="2694542"/>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2" name="Title 1"/>
          <p:cNvSpPr>
            <a:spLocks noGrp="1"/>
          </p:cNvSpPr>
          <p:nvPr>
            <p:ph type="title"/>
          </p:nvPr>
        </p:nvSpPr>
        <p:spPr>
          <a:xfrm>
            <a:off x="985838" y="1484784"/>
            <a:ext cx="4975225" cy="971980"/>
          </a:xfrm>
        </p:spPr>
        <p:txBody>
          <a:bodyPr anchor="b" anchorCtr="0"/>
          <a:lstStyle>
            <a:lvl1pPr>
              <a:lnSpc>
                <a:spcPct val="95000"/>
              </a:lnSpc>
              <a:defRPr sz="3000">
                <a:latin typeface="+mn-lt"/>
              </a:defRPr>
            </a:lvl1pPr>
          </a:lstStyle>
          <a:p>
            <a:r>
              <a:rPr lang="da-DK"/>
              <a:t>Click to edit Master title style</a:t>
            </a:r>
          </a:p>
        </p:txBody>
      </p:sp>
      <p:sp>
        <p:nvSpPr>
          <p:cNvPr id="10" name="Text Placeholder 2"/>
          <p:cNvSpPr>
            <a:spLocks noGrp="1"/>
          </p:cNvSpPr>
          <p:nvPr>
            <p:ph type="body" sz="quarter" idx="14"/>
          </p:nvPr>
        </p:nvSpPr>
        <p:spPr>
          <a:xfrm>
            <a:off x="985838" y="3010711"/>
            <a:ext cx="4975225" cy="1858449"/>
          </a:xfrm>
        </p:spPr>
        <p:txBody>
          <a:bodyPr/>
          <a:lstStyle>
            <a:lvl1pPr marL="0" indent="0">
              <a:buFont typeface="Calibri" panose="020F0502020204030204" pitchFamily="34" charset="0"/>
              <a:buChar char="​"/>
              <a:defRPr/>
            </a:lvl1pPr>
            <a:lvl5pPr>
              <a:defRPr/>
            </a:lvl5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a:p>
            <a:pPr lvl="5"/>
            <a:r>
              <a:rPr lang="da-DK"/>
              <a:t>6</a:t>
            </a:r>
          </a:p>
        </p:txBody>
      </p:sp>
      <p:sp>
        <p:nvSpPr>
          <p:cNvPr id="7" name="Picture Placeholder 3"/>
          <p:cNvSpPr>
            <a:spLocks noGrp="1"/>
          </p:cNvSpPr>
          <p:nvPr>
            <p:ph type="pic" sz="quarter" idx="13" hasCustomPrompt="1"/>
          </p:nvPr>
        </p:nvSpPr>
        <p:spPr>
          <a:xfrm>
            <a:off x="6231600" y="315913"/>
            <a:ext cx="5644800" cy="558360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1780882"/>
            <a:ext cx="1825892" cy="153888"/>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a:t>
            </a:r>
            <a:endParaRPr lang="da-DK"/>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254A4064-3023-4A06-A7A8-A90B3F31EB94}" type="datetime1">
              <a:rPr lang="da-DK" smtClean="0"/>
              <a:t>09-04-2026</a:t>
            </a:fld>
            <a:endParaRPr lang="da-DK"/>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4270316488"/>
      </p:ext>
    </p:extLst>
  </p:cSld>
  <p:clrMapOvr>
    <a:masterClrMapping/>
  </p:clrMapOvr>
  <p:extLst>
    <p:ext uri="{DCECCB84-F9BA-43D5-87BE-67443E8EF086}">
      <p15:sldGuideLst xmlns:p15="http://schemas.microsoft.com/office/powerpoint/2012/main">
        <p15:guide id="1" pos="3930" userDrawn="1">
          <p15:clr>
            <a:srgbClr val="A4A3A4"/>
          </p15:clr>
        </p15:guide>
        <p15:guide id="2" pos="3755" userDrawn="1">
          <p15:clr>
            <a:srgbClr val="A4A3A4"/>
          </p15:clr>
        </p15:guide>
        <p15:guide id="3" orient="horz" pos="3069" userDrawn="1">
          <p15:clr>
            <a:srgbClr val="A4A3A4"/>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Contact info">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6" name="Pladsholder til tekst 5">
            <a:extLst>
              <a:ext uri="{FF2B5EF4-FFF2-40B4-BE49-F238E27FC236}">
                <a16:creationId xmlns:a16="http://schemas.microsoft.com/office/drawing/2014/main" id="{23936382-D4B8-6A03-FACB-4B78070E00B6}"/>
              </a:ext>
            </a:extLst>
          </p:cNvPr>
          <p:cNvSpPr>
            <a:spLocks noGrp="1"/>
          </p:cNvSpPr>
          <p:nvPr>
            <p:ph type="body" sz="quarter" idx="13" hasCustomPrompt="1"/>
          </p:nvPr>
        </p:nvSpPr>
        <p:spPr>
          <a:xfrm>
            <a:off x="967978" y="2349276"/>
            <a:ext cx="10238120" cy="3455988"/>
          </a:xfrm>
        </p:spPr>
        <p:txBody>
          <a:bodyPr/>
          <a:lstStyle>
            <a:lvl1pPr>
              <a:defRPr sz="3999" b="1">
                <a:solidFill>
                  <a:schemeClr val="bg1"/>
                </a:solidFill>
              </a:defRPr>
            </a:lvl1pPr>
          </a:lstStyle>
          <a:p>
            <a:pPr lvl="0"/>
            <a:r>
              <a:rPr lang="da-DK"/>
              <a:t>Klik for at tilføje navn </a:t>
            </a:r>
            <a:br>
              <a:rPr lang="da-DK"/>
            </a:br>
            <a:r>
              <a:rPr lang="da-DK"/>
              <a:t>og info på afsender</a:t>
            </a:r>
          </a:p>
        </p:txBody>
      </p:sp>
      <p:sp>
        <p:nvSpPr>
          <p:cNvPr id="5" name="Date Placeholder 4" hidden="1"/>
          <p:cNvSpPr>
            <a:spLocks noGrp="1"/>
          </p:cNvSpPr>
          <p:nvPr>
            <p:ph type="dt" sz="half" idx="10"/>
          </p:nvPr>
        </p:nvSpPr>
        <p:spPr/>
        <p:txBody>
          <a:bodyPr/>
          <a:lstStyle/>
          <a:p>
            <a:fld id="{59354789-AC78-4106-8102-BFA8E202C565}" type="datetime1">
              <a:rPr lang="da-DK" smtClean="0"/>
              <a:t>09-04-2026</a:t>
            </a:fld>
            <a:r>
              <a:rPr lang="da-DK"/>
              <a:t>18-08-2024</a:t>
            </a:r>
          </a:p>
        </p:txBody>
      </p:sp>
      <p:sp>
        <p:nvSpPr>
          <p:cNvPr id="7"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9"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
        <p:nvSpPr>
          <p:cNvPr id="10" name="OFF_logo2Computed">
            <a:extLst>
              <a:ext uri="{FF2B5EF4-FFF2-40B4-BE49-F238E27FC236}">
                <a16:creationId xmlns:a16="http://schemas.microsoft.com/office/drawing/2014/main" id="{69645D9B-C2CF-73D0-42A6-B079A1FF8478}"/>
              </a:ext>
            </a:extLst>
          </p:cNvPr>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11" name="OFF_logo1Computed">
            <a:extLst>
              <a:ext uri="{FF2B5EF4-FFF2-40B4-BE49-F238E27FC236}">
                <a16:creationId xmlns:a16="http://schemas.microsoft.com/office/drawing/2014/main" id="{DEE90FB4-382B-63E6-F6B2-D64235EA20F8}"/>
              </a:ext>
            </a:extLst>
          </p:cNvPr>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12" name="Date_DateCustomA">
            <a:extLst>
              <a:ext uri="{FF2B5EF4-FFF2-40B4-BE49-F238E27FC236}">
                <a16:creationId xmlns:a16="http://schemas.microsoft.com/office/drawing/2014/main" id="{AD28D9C7-26B7-783C-5EFE-9BB253AAA726}"/>
              </a:ext>
            </a:extLst>
          </p:cNvPr>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076" rIns="0" bIns="0" anchor="t" anchorCtr="0">
            <a:spAutoFit/>
          </a:bodyPr>
          <a:lstStyle/>
          <a:p>
            <a:pPr algn="r">
              <a:lnSpc>
                <a:spcPct val="95000"/>
              </a:lnSpc>
              <a:defRPr/>
            </a:pPr>
            <a:r>
              <a:rPr lang="da-DK" sz="700" b="0" cap="all" baseline="0">
                <a:solidFill>
                  <a:schemeClr val="bg1"/>
                </a:solidFill>
                <a:latin typeface="+mn-lt"/>
              </a:rPr>
              <a:t>DATO</a:t>
            </a:r>
          </a:p>
        </p:txBody>
      </p:sp>
      <p:sp>
        <p:nvSpPr>
          <p:cNvPr id="13" name="USR_Title">
            <a:extLst>
              <a:ext uri="{FF2B5EF4-FFF2-40B4-BE49-F238E27FC236}">
                <a16:creationId xmlns:a16="http://schemas.microsoft.com/office/drawing/2014/main" id="{DB0D16C8-7603-CE82-B74B-D34DADAD4DD6}"/>
              </a:ext>
            </a:extLst>
          </p:cNvPr>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076" rIns="0" bIns="0" anchor="t" anchorCtr="0">
            <a:spAutoFit/>
          </a:bodyPr>
          <a:lstStyle/>
          <a:p>
            <a:pPr algn="l">
              <a:lnSpc>
                <a:spcPct val="95000"/>
              </a:lnSpc>
              <a:defRPr/>
            </a:pPr>
            <a:r>
              <a:rPr lang="da-DK" sz="700" b="0" cap="all" baseline="0">
                <a:solidFill>
                  <a:schemeClr val="bg1"/>
                </a:solidFill>
                <a:latin typeface="+mn-lt"/>
              </a:rPr>
              <a:t>TITEL</a:t>
            </a:r>
          </a:p>
        </p:txBody>
      </p:sp>
      <p:sp>
        <p:nvSpPr>
          <p:cNvPr id="14" name="FLD_Event">
            <a:extLst>
              <a:ext uri="{FF2B5EF4-FFF2-40B4-BE49-F238E27FC236}">
                <a16:creationId xmlns:a16="http://schemas.microsoft.com/office/drawing/2014/main" id="{A07F041F-669D-4EEA-12C8-48DBD35333ED}"/>
              </a:ext>
            </a:extLst>
          </p:cNvPr>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r>
              <a:rPr lang="da-DK" sz="700" b="0" cap="all" baseline="0">
                <a:solidFill>
                  <a:schemeClr val="bg1"/>
                </a:solidFill>
                <a:latin typeface="+mn-lt"/>
              </a:rPr>
              <a:t>TITEL</a:t>
            </a:r>
          </a:p>
        </p:txBody>
      </p:sp>
      <p:sp>
        <p:nvSpPr>
          <p:cNvPr id="15" name="USR_Name">
            <a:extLst>
              <a:ext uri="{FF2B5EF4-FFF2-40B4-BE49-F238E27FC236}">
                <a16:creationId xmlns:a16="http://schemas.microsoft.com/office/drawing/2014/main" id="{6910C27C-48FD-BBB4-F70B-7DF8A7FEAB24}"/>
              </a:ext>
            </a:extLst>
          </p:cNvPr>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1911" rIns="0" bIns="0" anchor="t" anchorCtr="0">
            <a:spAutoFit/>
          </a:bodyPr>
          <a:lstStyle/>
          <a:p>
            <a:pPr algn="l">
              <a:lnSpc>
                <a:spcPct val="95000"/>
              </a:lnSpc>
              <a:defRPr/>
            </a:pPr>
            <a:r>
              <a:rPr lang="da-DK" sz="700" b="0" cap="all" baseline="0">
                <a:solidFill>
                  <a:schemeClr val="bg1"/>
                </a:solidFill>
                <a:latin typeface="+mn-lt"/>
              </a:rPr>
              <a:t>NAVN</a:t>
            </a:r>
          </a:p>
        </p:txBody>
      </p:sp>
      <p:pic>
        <p:nvPicPr>
          <p:cNvPr id="16" name="Au logo">
            <a:extLst>
              <a:ext uri="{FF2B5EF4-FFF2-40B4-BE49-F238E27FC236}">
                <a16:creationId xmlns:a16="http://schemas.microsoft.com/office/drawing/2014/main" id="{21D938F2-1BB3-940B-2092-AA736456BB8A}"/>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17" name="Billede 16">
            <a:extLst>
              <a:ext uri="{FF2B5EF4-FFF2-40B4-BE49-F238E27FC236}">
                <a16:creationId xmlns:a16="http://schemas.microsoft.com/office/drawing/2014/main" id="{29FE7F52-51AA-FD02-3980-B49F21F2E31D}"/>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1" y="5997602"/>
            <a:ext cx="71734" cy="557999"/>
          </a:xfrm>
          <a:prstGeom prst="rect">
            <a:avLst/>
          </a:prstGeom>
        </p:spPr>
      </p:pic>
      <p:pic>
        <p:nvPicPr>
          <p:cNvPr id="18" name="SecondaryLogo">
            <a:extLst>
              <a:ext uri="{FF2B5EF4-FFF2-40B4-BE49-F238E27FC236}">
                <a16:creationId xmlns:a16="http://schemas.microsoft.com/office/drawing/2014/main" id="{17DF4D01-735F-599A-185E-8BAA75691A6E}"/>
              </a:ext>
            </a:extLst>
          </p:cNvPr>
          <p:cNvPicPr>
            <a:picLocks noChangeAspect="1"/>
          </p:cNvPicPr>
          <p:nvPr userDrawn="1"/>
        </p:nvPicPr>
        <p:blipFill>
          <a:blip r:embed="rId4"/>
          <a:stretch>
            <a:fillRect/>
          </a:stretch>
        </p:blipFill>
        <p:spPr>
          <a:xfrm>
            <a:off x="10206001" y="5997600"/>
            <a:ext cx="1658237" cy="558000"/>
          </a:xfrm>
          <a:prstGeom prst="rect">
            <a:avLst/>
          </a:prstGeom>
        </p:spPr>
      </p:pic>
      <p:sp>
        <p:nvSpPr>
          <p:cNvPr id="19" name="Slide Number Placeholder 3">
            <a:extLst>
              <a:ext uri="{FF2B5EF4-FFF2-40B4-BE49-F238E27FC236}">
                <a16:creationId xmlns:a16="http://schemas.microsoft.com/office/drawing/2014/main" id="{6BF279D5-8765-A372-AC1A-A142BC408C3F}"/>
              </a:ext>
            </a:extLst>
          </p:cNvPr>
          <p:cNvSpPr txBox="1">
            <a:spLocks/>
          </p:cNvSpPr>
          <p:nvPr userDrawn="1"/>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defPPr>
              <a:defRPr lang="en-US"/>
            </a:defPPr>
            <a:lvl1pPr algn="r" rtl="0" fontAlgn="base">
              <a:lnSpc>
                <a:spcPts val="1200"/>
              </a:lnSpc>
              <a:spcBef>
                <a:spcPct val="0"/>
              </a:spcBef>
              <a:spcAft>
                <a:spcPct val="0"/>
              </a:spcAft>
              <a:buFontTx/>
              <a:buNone/>
              <a:defRPr sz="700" kern="1200" spc="40" baseline="0">
                <a:solidFill>
                  <a:schemeClr val="bg1"/>
                </a:solidFill>
                <a:latin typeface="+mn-lt"/>
                <a:ea typeface="+mn-ea"/>
                <a:cs typeface="+mn-cs"/>
              </a:defRPr>
            </a:lvl1pPr>
            <a:lvl2pPr marL="60949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2pPr>
            <a:lvl3pPr marL="1218987"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3pPr>
            <a:lvl4pPr marL="1828480"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4pPr>
            <a:lvl5pPr marL="243797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5pPr>
            <a:lvl6pPr marL="3047467" algn="l" defTabSz="1218987" rtl="0" eaLnBrk="1" latinLnBrk="0" hangingPunct="1">
              <a:defRPr sz="4799" kern="1200">
                <a:solidFill>
                  <a:schemeClr val="tx1"/>
                </a:solidFill>
                <a:latin typeface="AU Passata" pitchFamily="34" charset="0"/>
                <a:ea typeface="+mn-ea"/>
                <a:cs typeface="+mn-cs"/>
              </a:defRPr>
            </a:lvl6pPr>
            <a:lvl7pPr marL="3656960" algn="l" defTabSz="1218987" rtl="0" eaLnBrk="1" latinLnBrk="0" hangingPunct="1">
              <a:defRPr sz="4799" kern="1200">
                <a:solidFill>
                  <a:schemeClr val="tx1"/>
                </a:solidFill>
                <a:latin typeface="AU Passata" pitchFamily="34" charset="0"/>
                <a:ea typeface="+mn-ea"/>
                <a:cs typeface="+mn-cs"/>
              </a:defRPr>
            </a:lvl7pPr>
            <a:lvl8pPr marL="4266453" algn="l" defTabSz="1218987" rtl="0" eaLnBrk="1" latinLnBrk="0" hangingPunct="1">
              <a:defRPr sz="4799" kern="1200">
                <a:solidFill>
                  <a:schemeClr val="tx1"/>
                </a:solidFill>
                <a:latin typeface="AU Passata" pitchFamily="34" charset="0"/>
                <a:ea typeface="+mn-ea"/>
                <a:cs typeface="+mn-cs"/>
              </a:defRPr>
            </a:lvl8pPr>
            <a:lvl9pPr marL="4875947" algn="l" defTabSz="1218987" rtl="0" eaLnBrk="1" latinLnBrk="0" hangingPunct="1">
              <a:defRPr sz="4799" kern="1200">
                <a:solidFill>
                  <a:schemeClr val="tx1"/>
                </a:solidFill>
                <a:latin typeface="AU Passata" pitchFamily="34" charset="0"/>
                <a:ea typeface="+mn-ea"/>
                <a:cs typeface="+mn-cs"/>
              </a:defRPr>
            </a:lvl9pPr>
          </a:lstStyle>
          <a:p>
            <a:pPr>
              <a:defRPr/>
            </a:pPr>
            <a:fld id="{E90C1E0A-682D-40DC-B1EA-26C007FDC330}" type="slidenum">
              <a:rPr lang="da-DK" sz="700" smtClean="0"/>
              <a:pPr>
                <a:defRPr/>
              </a:pPr>
              <a:t>‹#›</a:t>
            </a:fld>
            <a:endParaRPr lang="da-DK" sz="700"/>
          </a:p>
        </p:txBody>
      </p:sp>
      <p:sp>
        <p:nvSpPr>
          <p:cNvPr id="21" name="Pladsholder til tekst 20">
            <a:extLst>
              <a:ext uri="{FF2B5EF4-FFF2-40B4-BE49-F238E27FC236}">
                <a16:creationId xmlns:a16="http://schemas.microsoft.com/office/drawing/2014/main" id="{C44E4B1B-DF45-7F4B-6847-A79BE485DA08}"/>
              </a:ext>
            </a:extLst>
          </p:cNvPr>
          <p:cNvSpPr>
            <a:spLocks noGrp="1"/>
          </p:cNvSpPr>
          <p:nvPr>
            <p:ph type="body" sz="quarter" idx="14" hasCustomPrompt="1"/>
          </p:nvPr>
        </p:nvSpPr>
        <p:spPr>
          <a:xfrm>
            <a:off x="985838" y="1874614"/>
            <a:ext cx="10221324" cy="402258"/>
          </a:xfrm>
        </p:spPr>
        <p:txBody>
          <a:bodyPr/>
          <a:lstStyle>
            <a:lvl1pPr>
              <a:defRPr sz="1999">
                <a:solidFill>
                  <a:schemeClr val="bg1"/>
                </a:solidFill>
                <a:latin typeface="AU Passata Light" panose="020B0303030902030804" pitchFamily="34" charset="77"/>
              </a:defRPr>
            </a:lvl1pPr>
            <a:lvl2pPr marL="251924" indent="0">
              <a:buNone/>
              <a:defRPr>
                <a:latin typeface="AU Passata Light" panose="020B0303030902030804" pitchFamily="34" charset="77"/>
              </a:defRPr>
            </a:lvl2pPr>
            <a:lvl3pPr>
              <a:defRPr>
                <a:latin typeface="AU Passata Light" panose="020B0303030902030804" pitchFamily="34" charset="77"/>
              </a:defRPr>
            </a:lvl3pPr>
            <a:lvl4pPr>
              <a:defRPr>
                <a:latin typeface="AU Passata Light" panose="020B0303030902030804" pitchFamily="34" charset="77"/>
              </a:defRPr>
            </a:lvl4pPr>
            <a:lvl5pPr>
              <a:defRPr>
                <a:latin typeface="AU Passata Light" panose="020B0303030902030804" pitchFamily="34" charset="77"/>
              </a:defRPr>
            </a:lvl5pPr>
          </a:lstStyle>
          <a:p>
            <a:pPr lvl="0"/>
            <a:r>
              <a:rPr lang="da-DK"/>
              <a:t>KLIK FOR AT REDIGERE TEKSTTYPOGRAFIERNE I MASTEREN</a:t>
            </a:r>
          </a:p>
        </p:txBody>
      </p:sp>
    </p:spTree>
    <p:extLst>
      <p:ext uri="{BB962C8B-B14F-4D97-AF65-F5344CB8AC3E}">
        <p14:creationId xmlns:p14="http://schemas.microsoft.com/office/powerpoint/2010/main" val="4250626754"/>
      </p:ext>
    </p:extLst>
  </p:cSld>
  <p:clrMapOvr>
    <a:masterClrMapping/>
  </p:clrMapOvr>
  <p:transition spd="slow">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End slide Aarhus Universitet">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5" name="LAN_AUWBreak"/>
          <p:cNvSpPr/>
          <p:nvPr userDrawn="1"/>
        </p:nvSpPr>
        <p:spPr bwMode="auto">
          <a:xfrm>
            <a:off x="6022613" y="2804402"/>
            <a:ext cx="2912657" cy="1293389"/>
          </a:xfrm>
          <a:prstGeom prst="rect">
            <a:avLst/>
          </a:prstGeom>
          <a:noFill/>
          <a:ln w="1778" cap="flat" cmpd="sng" algn="ctr">
            <a:noFill/>
            <a:prstDash val="solid"/>
            <a:round/>
            <a:headEnd type="none" w="med" len="med"/>
            <a:tailEnd type="none" w="med" len="med"/>
          </a:ln>
          <a:effectLst/>
        </p:spPr>
        <p:txBody>
          <a:bodyPr vert="horz" wrap="none" lIns="0" tIns="183552"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3999" b="0" i="0" u="none" strike="noStrike" cap="all" normalizeH="0" baseline="0" noProof="1">
                <a:ln>
                  <a:noFill/>
                </a:ln>
                <a:solidFill>
                  <a:schemeClr val="bg1"/>
                </a:solidFill>
                <a:effectLst/>
                <a:latin typeface="AU Passata" pitchFamily="34" charset="0"/>
              </a:rPr>
              <a:t>Aarhus 
Universitet</a:t>
            </a:r>
          </a:p>
        </p:txBody>
      </p:sp>
      <p:pic>
        <p:nvPicPr>
          <p:cNvPr id="6" name="Logo white"/>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318268" y="2864711"/>
            <a:ext cx="2228400" cy="1116990"/>
          </a:xfrm>
          <a:prstGeom prst="rect">
            <a:avLst/>
          </a:prstGeom>
        </p:spPr>
      </p:pic>
      <p:sp>
        <p:nvSpPr>
          <p:cNvPr id="7" name="Date Placeholder 4" hidden="1"/>
          <p:cNvSpPr>
            <a:spLocks noGrp="1"/>
          </p:cNvSpPr>
          <p:nvPr>
            <p:ph type="dt" sz="half" idx="10"/>
          </p:nvPr>
        </p:nvSpPr>
        <p:spPr>
          <a:xfrm>
            <a:off x="0" y="7020000"/>
            <a:ext cx="0" cy="0"/>
          </a:xfrm>
        </p:spPr>
        <p:txBody>
          <a:bodyPr/>
          <a:lstStyle/>
          <a:p>
            <a:fld id="{E97F42F4-F1FC-4195-8872-C2A9FCCD15FE}" type="datetime1">
              <a:rPr lang="da-DK" smtClean="0"/>
              <a:t>09-04-2026</a:t>
            </a:fld>
            <a:r>
              <a:rPr lang="da-DK"/>
              <a:t>18-08-2024</a:t>
            </a:r>
          </a:p>
        </p:txBody>
      </p:sp>
      <p:sp>
        <p:nvSpPr>
          <p:cNvPr id="9"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10"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34977903"/>
      </p:ext>
    </p:extLst>
  </p:cSld>
  <p:clrMapOvr>
    <a:masterClrMapping/>
  </p:clrMapOvr>
  <p:transition spd="slow">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preserve="1" userDrawn="1">
  <p:cSld name="End slide seal">
    <p:bg>
      <p:bgPr>
        <a:solidFill>
          <a:srgbClr val="004542"/>
        </a:solidFill>
        <a:effectLst/>
      </p:bgPr>
    </p:bg>
    <p:spTree>
      <p:nvGrpSpPr>
        <p:cNvPr id="1" name=""/>
        <p:cNvGrpSpPr/>
        <p:nvPr/>
      </p:nvGrpSpPr>
      <p:grpSpPr>
        <a:xfrm>
          <a:off x="0" y="0"/>
          <a:ext cx="0" cy="0"/>
          <a:chOff x="0" y="0"/>
          <a:chExt cx="0" cy="0"/>
        </a:xfrm>
      </p:grpSpPr>
      <p:pic>
        <p:nvPicPr>
          <p:cNvPr id="6"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828777" y="2163364"/>
            <a:ext cx="2531272" cy="2531272"/>
          </a:xfrm>
          <a:prstGeom prst="rect">
            <a:avLst/>
          </a:prstGeom>
        </p:spPr>
      </p:pic>
      <p:sp>
        <p:nvSpPr>
          <p:cNvPr id="5" name="Date Placeholder 4" hidden="1"/>
          <p:cNvSpPr>
            <a:spLocks noGrp="1"/>
          </p:cNvSpPr>
          <p:nvPr>
            <p:ph type="dt" sz="half" idx="10"/>
          </p:nvPr>
        </p:nvSpPr>
        <p:spPr/>
        <p:txBody>
          <a:bodyPr/>
          <a:lstStyle/>
          <a:p>
            <a:fld id="{5CB6B0C8-71D1-4AC8-B4DA-A41649D0B4F0}" type="datetime1">
              <a:rPr lang="da-DK" smtClean="0"/>
              <a:t>09-04-2026</a:t>
            </a:fld>
            <a:r>
              <a:rPr lang="da-DK"/>
              <a:t>18-08-2024</a:t>
            </a:r>
          </a:p>
        </p:txBody>
      </p:sp>
      <p:sp>
        <p:nvSpPr>
          <p:cNvPr id="7"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9"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716284063"/>
      </p:ext>
    </p:extLst>
  </p:cSld>
  <p:clrMapOvr>
    <a:masterClrMapping/>
  </p:clrMapOvr>
  <p:transition spd="slow">
    <p:fade/>
  </p:transition>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userDrawn="1">
  <p:cSld name="End slide">
    <p:bg>
      <p:bgPr>
        <a:solidFill>
          <a:schemeClr val="bg1"/>
        </a:solidFill>
        <a:effectLst/>
      </p:bgPr>
    </p:bg>
    <p:spTree>
      <p:nvGrpSpPr>
        <p:cNvPr id="1" name=""/>
        <p:cNvGrpSpPr/>
        <p:nvPr/>
      </p:nvGrpSpPr>
      <p:grpSpPr>
        <a:xfrm>
          <a:off x="0" y="0"/>
          <a:ext cx="0" cy="0"/>
          <a:chOff x="0" y="0"/>
          <a:chExt cx="0" cy="0"/>
        </a:xfrm>
      </p:grpSpPr>
      <p:sp>
        <p:nvSpPr>
          <p:cNvPr id="16" name="Farvet baggrund"/>
          <p:cNvSpPr/>
          <p:nvPr userDrawn="1"/>
        </p:nvSpPr>
        <p:spPr>
          <a:xfrm>
            <a:off x="1"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8"/>
          </a:p>
        </p:txBody>
      </p:sp>
      <p:sp>
        <p:nvSpPr>
          <p:cNvPr id="34" name="Pladsholder til tekst 2"/>
          <p:cNvSpPr txBox="1">
            <a:spLocks/>
          </p:cNvSpPr>
          <p:nvPr userDrawn="1"/>
        </p:nvSpPr>
        <p:spPr>
          <a:xfrm>
            <a:off x="1090914" y="2098691"/>
            <a:ext cx="12745416" cy="1329861"/>
          </a:xfrm>
          <a:prstGeom prst="rect">
            <a:avLst/>
          </a:prstGeom>
        </p:spPr>
        <p:txBody>
          <a:bodyPr wrap="square" lIns="0" tIns="0" rIns="0" bIns="21594">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9997" kern="0">
                <a:solidFill>
                  <a:schemeClr val="accent6"/>
                </a:solidFill>
                <a:latin typeface="AU Peto" panose="040C0B07020602020301" pitchFamily="82" charset="0"/>
              </a:rPr>
              <a:t>Aarhus</a:t>
            </a:r>
            <a:endParaRPr lang="da-DK" sz="2199"/>
          </a:p>
        </p:txBody>
      </p:sp>
      <p:sp>
        <p:nvSpPr>
          <p:cNvPr id="6" name="Pladsholder til tekst 2"/>
          <p:cNvSpPr txBox="1">
            <a:spLocks/>
          </p:cNvSpPr>
          <p:nvPr userDrawn="1"/>
        </p:nvSpPr>
        <p:spPr>
          <a:xfrm>
            <a:off x="7439541" y="2093602"/>
            <a:ext cx="4356484" cy="1329861"/>
          </a:xfrm>
          <a:prstGeom prst="rect">
            <a:avLst/>
          </a:prstGeom>
        </p:spPr>
        <p:txBody>
          <a:bodyPr wrap="square" lIns="0" tIns="0" rIns="0" bIns="21594">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9997" kern="0" err="1">
                <a:solidFill>
                  <a:schemeClr val="bg1"/>
                </a:solidFill>
                <a:latin typeface="AU Peto" panose="040C0B07020602020301" pitchFamily="82" charset="0"/>
              </a:rPr>
              <a:t>uni</a:t>
            </a:r>
            <a:endParaRPr lang="da-DK" sz="9997" kern="0">
              <a:solidFill>
                <a:schemeClr val="bg1"/>
              </a:solidFill>
              <a:latin typeface="AU Peto" panose="040C0B07020602020301" pitchFamily="82" charset="0"/>
            </a:endParaRPr>
          </a:p>
        </p:txBody>
      </p:sp>
      <p:sp>
        <p:nvSpPr>
          <p:cNvPr id="7" name="Pladsholder til tekst 2"/>
          <p:cNvSpPr txBox="1">
            <a:spLocks/>
          </p:cNvSpPr>
          <p:nvPr userDrawn="1"/>
        </p:nvSpPr>
        <p:spPr>
          <a:xfrm>
            <a:off x="1881492" y="3428552"/>
            <a:ext cx="9289032" cy="1329861"/>
          </a:xfrm>
          <a:prstGeom prst="rect">
            <a:avLst/>
          </a:prstGeom>
        </p:spPr>
        <p:txBody>
          <a:bodyPr wrap="square" lIns="0" tIns="0" rIns="0" bIns="21594">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gn="ctr">
              <a:lnSpc>
                <a:spcPct val="85000"/>
              </a:lnSpc>
            </a:pPr>
            <a:r>
              <a:rPr lang="da-DK" sz="9997" kern="0" err="1">
                <a:solidFill>
                  <a:schemeClr val="bg1"/>
                </a:solidFill>
                <a:latin typeface="AU Peto" panose="040C0B07020602020301" pitchFamily="82" charset="0"/>
              </a:rPr>
              <a:t>versiet</a:t>
            </a:r>
            <a:endParaRPr lang="da-DK" sz="9997">
              <a:solidFill>
                <a:schemeClr val="bg1"/>
              </a:solidFill>
              <a:latin typeface="AU Peto" panose="040C0B07020602020301" pitchFamily="82" charset="0"/>
            </a:endParaRPr>
          </a:p>
        </p:txBody>
      </p:sp>
      <p:sp>
        <p:nvSpPr>
          <p:cNvPr id="8" name="Date Placeholder 4" hidden="1"/>
          <p:cNvSpPr>
            <a:spLocks noGrp="1"/>
          </p:cNvSpPr>
          <p:nvPr>
            <p:ph type="dt" sz="half" idx="10"/>
          </p:nvPr>
        </p:nvSpPr>
        <p:spPr>
          <a:xfrm>
            <a:off x="0" y="7020000"/>
            <a:ext cx="0" cy="0"/>
          </a:xfrm>
        </p:spPr>
        <p:txBody>
          <a:bodyPr/>
          <a:lstStyle/>
          <a:p>
            <a:fld id="{2CE4E725-0B70-47A2-918A-D12B667A7EE6}" type="datetime1">
              <a:rPr lang="da-DK" smtClean="0"/>
              <a:t>09-04-2026</a:t>
            </a:fld>
            <a:r>
              <a:rPr lang="da-DK"/>
              <a:t>18-08-2024</a:t>
            </a:r>
          </a:p>
        </p:txBody>
      </p:sp>
      <p:sp>
        <p:nvSpPr>
          <p:cNvPr id="9" name="Footer Placeholder 6" hidden="1"/>
          <p:cNvSpPr>
            <a:spLocks noGrp="1"/>
          </p:cNvSpPr>
          <p:nvPr>
            <p:ph type="ftr" sz="quarter" idx="11"/>
          </p:nvPr>
        </p:nvSpPr>
        <p:spPr>
          <a:xfrm>
            <a:off x="0" y="7020000"/>
            <a:ext cx="0" cy="0"/>
          </a:xfrm>
          <a:prstGeom prst="rect">
            <a:avLst/>
          </a:prstGeom>
        </p:spPr>
        <p:txBody>
          <a:bodyPr/>
          <a:lstStyle/>
          <a:p>
            <a:endParaRPr lang="da-DK"/>
          </a:p>
        </p:txBody>
      </p:sp>
      <p:sp>
        <p:nvSpPr>
          <p:cNvPr id="10" name="Slide Number Placeholder 8" hidden="1"/>
          <p:cNvSpPr>
            <a:spLocks noGrp="1"/>
          </p:cNvSpPr>
          <p:nvPr>
            <p:ph type="sldNum" sz="quarter" idx="12"/>
          </p:nvPr>
        </p:nvSpPr>
        <p:spPr>
          <a:xfrm>
            <a:off x="0" y="7020002"/>
            <a:ext cx="0" cy="73385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1085379542"/>
      </p:ext>
    </p:extLst>
  </p:cSld>
  <p:clrMapOvr>
    <a:masterClrMapping/>
  </p:clrMapOvr>
  <p:transition spd="slow">
    <p:fade/>
  </p:transition>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Titeldias">
    <p:spTree>
      <p:nvGrpSpPr>
        <p:cNvPr id="1" name=""/>
        <p:cNvGrpSpPr/>
        <p:nvPr/>
      </p:nvGrpSpPr>
      <p:grpSpPr>
        <a:xfrm>
          <a:off x="0" y="0"/>
          <a:ext cx="0" cy="0"/>
          <a:chOff x="0" y="0"/>
          <a:chExt cx="0" cy="0"/>
        </a:xfrm>
      </p:grpSpPr>
      <p:pic>
        <p:nvPicPr>
          <p:cNvPr id="54" name="Farvet baggrund"/>
          <p:cNvPicPr preferRelativeResize="0">
            <a:picLocks/>
          </p:cNvPicPr>
          <p:nvPr userDrawn="1"/>
        </p:nvPicPr>
        <p:blipFill>
          <a:blip r:embed="rId2">
            <a:extLst>
              <a:ext uri="{28A0092B-C50C-407E-A947-70E740481C1C}">
                <a14:useLocalDpi xmlns:a14="http://schemas.microsoft.com/office/drawing/2010/main" val="0"/>
              </a:ext>
            </a:extLst>
          </a:blip>
          <a:stretch>
            <a:fillRect/>
          </a:stretch>
        </p:blipFill>
        <p:spPr>
          <a:xfrm>
            <a:off x="0" y="0"/>
            <a:ext cx="12188825" cy="6858000"/>
          </a:xfrm>
          <a:prstGeom prst="rect">
            <a:avLst/>
          </a:prstGeom>
          <a:solidFill>
            <a:schemeClr val="tx2"/>
          </a:solidFill>
        </p:spPr>
      </p:pic>
      <p:sp>
        <p:nvSpPr>
          <p:cNvPr id="34819" name="Title 1"/>
          <p:cNvSpPr>
            <a:spLocks noGrp="1" noChangeArrowheads="1"/>
          </p:cNvSpPr>
          <p:nvPr>
            <p:ph type="ctrTitle"/>
          </p:nvPr>
        </p:nvSpPr>
        <p:spPr>
          <a:xfrm>
            <a:off x="985838" y="2482343"/>
            <a:ext cx="10220325" cy="1661993"/>
          </a:xfrm>
        </p:spPr>
        <p:txBody>
          <a:bodyPr wrap="square" anchor="ctr" anchorCtr="0">
            <a:sp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15" name="TextBox 14"/>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33"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4"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2. maj 2025</a:t>
            </a:r>
          </a:p>
        </p:txBody>
      </p:sp>
      <p:sp>
        <p:nvSpPr>
          <p:cNvPr id="36"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Specialkonsulent </a:t>
            </a:r>
          </a:p>
        </p:txBody>
      </p:sp>
      <p:sp>
        <p:nvSpPr>
          <p:cNvPr id="35"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bg1"/>
              </a:solidFill>
              <a:latin typeface="+mn-lt"/>
            </a:endParaRPr>
          </a:p>
        </p:txBody>
      </p:sp>
      <p:sp>
        <p:nvSpPr>
          <p:cNvPr id="37"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Laura Mikkelsen</a:t>
            </a:r>
          </a:p>
        </p:txBody>
      </p:sp>
      <p:sp>
        <p:nvSpPr>
          <p:cNvPr id="39"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pic>
        <p:nvPicPr>
          <p:cNvPr id="16" name="Au logo"/>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sp>
        <p:nvSpPr>
          <p:cNvPr id="17"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pic>
        <p:nvPicPr>
          <p:cNvPr id="18" name="Billede streg"/>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4" name="Slide Number Placeholder 3"/>
          <p:cNvSpPr>
            <a:spLocks noGrp="1"/>
          </p:cNvSpPr>
          <p:nvPr>
            <p:ph type="sldNum" sz="quarter" idx="12"/>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95589E90-5536-4F97-B0CD-78E646D49236}" type="datetime1">
              <a:rPr lang="da-DK" smtClean="0"/>
              <a:t>09-04-2026</a:t>
            </a:fld>
            <a:r>
              <a:rPr lang="da-DK"/>
              <a:t>02-05-2025</a:t>
            </a:r>
          </a:p>
        </p:txBody>
      </p:sp>
      <p:sp>
        <p:nvSpPr>
          <p:cNvPr id="3" name="Footer Placeholder 2"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1664259009"/>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Title slide with text">
    <p:spTree>
      <p:nvGrpSpPr>
        <p:cNvPr id="1" name=""/>
        <p:cNvGrpSpPr/>
        <p:nvPr/>
      </p:nvGrpSpPr>
      <p:grpSpPr>
        <a:xfrm>
          <a:off x="0" y="0"/>
          <a:ext cx="0" cy="0"/>
          <a:chOff x="0" y="0"/>
          <a:chExt cx="0" cy="0"/>
        </a:xfrm>
      </p:grpSpPr>
      <p:sp>
        <p:nvSpPr>
          <p:cNvPr id="21"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19" name="White Top Rectangle"/>
          <p:cNvSpPr>
            <a:spLocks noChangeArrowheads="1"/>
          </p:cNvSpPr>
          <p:nvPr userDrawn="1"/>
        </p:nvSpPr>
        <p:spPr bwMode="auto">
          <a:xfrm>
            <a:off x="985838" y="3443622"/>
            <a:ext cx="648000" cy="46800"/>
          </a:xfrm>
          <a:prstGeom prst="rect">
            <a:avLst/>
          </a:prstGeom>
          <a:solidFill>
            <a:schemeClr val="bg1"/>
          </a:solidFill>
          <a:ln w="9525">
            <a:noFill/>
            <a:miter lim="800000"/>
            <a:headEnd/>
            <a:tailEnd/>
          </a:ln>
          <a:effectLst/>
        </p:spPr>
        <p:txBody>
          <a:bodyPr wrap="none" anchor="ctr"/>
          <a:lstStyle/>
          <a:p>
            <a:pPr>
              <a:defRPr/>
            </a:pPr>
            <a:endParaRPr lang="da-DK" sz="4799"/>
          </a:p>
        </p:txBody>
      </p:sp>
      <p:sp>
        <p:nvSpPr>
          <p:cNvPr id="34819" name="Title 1"/>
          <p:cNvSpPr>
            <a:spLocks noGrp="1" noChangeArrowheads="1"/>
          </p:cNvSpPr>
          <p:nvPr>
            <p:ph type="ctrTitle"/>
          </p:nvPr>
        </p:nvSpPr>
        <p:spPr>
          <a:xfrm>
            <a:off x="981844" y="1520315"/>
            <a:ext cx="9543307" cy="1779553"/>
          </a:xfrm>
        </p:spPr>
        <p:txBody>
          <a:bodyPr wrap="square" anchor="b" anchorCtr="0">
            <a:no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4" name="Text Placeholder 3"/>
          <p:cNvSpPr>
            <a:spLocks noGrp="1"/>
          </p:cNvSpPr>
          <p:nvPr>
            <p:ph type="body" sz="quarter" idx="11"/>
          </p:nvPr>
        </p:nvSpPr>
        <p:spPr>
          <a:xfrm>
            <a:off x="985838" y="3715431"/>
            <a:ext cx="7161212" cy="1746085"/>
          </a:xfrm>
        </p:spPr>
        <p:txBody>
          <a:bodyPr/>
          <a:lstStyle>
            <a:lvl1pPr marL="0" indent="0">
              <a:lnSpc>
                <a:spcPct val="101000"/>
              </a:lnSpc>
              <a:buFontTx/>
              <a:buNone/>
              <a:defRPr sz="2700" b="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Click to edit Master text styles</a:t>
            </a:r>
          </a:p>
        </p:txBody>
      </p:sp>
      <p:sp>
        <p:nvSpPr>
          <p:cNvPr id="22" name="TextBox 21"/>
          <p:cNvSpPr txBox="1"/>
          <p:nvPr userDrawn="1"/>
        </p:nvSpPr>
        <p:spPr>
          <a:xfrm>
            <a:off x="-2160355" y="2132856"/>
            <a:ext cx="2012649" cy="738664"/>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bold</a:t>
            </a:r>
            <a:endParaRPr lang="da-DK" sz="4799"/>
          </a:p>
        </p:txBody>
      </p:sp>
      <p:sp>
        <p:nvSpPr>
          <p:cNvPr id="38"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43"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sp>
        <p:nvSpPr>
          <p:cNvPr id="39"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2. maj 2025</a:t>
            </a:r>
          </a:p>
        </p:txBody>
      </p:sp>
      <p:sp>
        <p:nvSpPr>
          <p:cNvPr id="41"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Specialkonsulent </a:t>
            </a:r>
          </a:p>
        </p:txBody>
      </p:sp>
      <p:sp>
        <p:nvSpPr>
          <p:cNvPr id="40"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bg1"/>
              </a:solidFill>
              <a:latin typeface="+mn-lt"/>
            </a:endParaRPr>
          </a:p>
        </p:txBody>
      </p:sp>
      <p:sp>
        <p:nvSpPr>
          <p:cNvPr id="42"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Laura Mikkelse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streg"/>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16"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5" name="Slide Number Placeholder 4"/>
          <p:cNvSpPr>
            <a:spLocks noGrp="1"/>
          </p:cNvSpPr>
          <p:nvPr>
            <p:ph type="sldNum" sz="quarter" idx="14"/>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2"/>
          </p:nvPr>
        </p:nvSpPr>
        <p:spPr/>
        <p:txBody>
          <a:bodyPr/>
          <a:lstStyle/>
          <a:p>
            <a:fld id="{F2093A48-2EAE-48A8-9253-17177BB067F0}" type="datetime1">
              <a:rPr lang="da-DK" smtClean="0"/>
              <a:t>09-04-2026</a:t>
            </a:fld>
            <a:r>
              <a:rPr lang="da-DK"/>
              <a:t>02-05-2025</a:t>
            </a:r>
          </a:p>
        </p:txBody>
      </p:sp>
      <p:sp>
        <p:nvSpPr>
          <p:cNvPr id="3" name="Footer Placeholder 2"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4156636546"/>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Title slide no picture">
    <p:spTree>
      <p:nvGrpSpPr>
        <p:cNvPr id="1" name=""/>
        <p:cNvGrpSpPr/>
        <p:nvPr/>
      </p:nvGrpSpPr>
      <p:grpSpPr>
        <a:xfrm>
          <a:off x="0" y="0"/>
          <a:ext cx="0" cy="0"/>
          <a:chOff x="0" y="0"/>
          <a:chExt cx="0" cy="0"/>
        </a:xfrm>
      </p:grpSpPr>
      <p:sp>
        <p:nvSpPr>
          <p:cNvPr id="22"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34819" name="Title 1"/>
          <p:cNvSpPr>
            <a:spLocks noGrp="1" noChangeArrowheads="1"/>
          </p:cNvSpPr>
          <p:nvPr>
            <p:ph type="ctrTitle"/>
          </p:nvPr>
        </p:nvSpPr>
        <p:spPr>
          <a:xfrm>
            <a:off x="985838" y="2482343"/>
            <a:ext cx="10220325" cy="1661993"/>
          </a:xfrm>
        </p:spPr>
        <p:txBody>
          <a:bodyPr wrap="square" anchor="ctr" anchorCtr="0">
            <a:sp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14" name="TextBox 13"/>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25"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sp>
        <p:nvSpPr>
          <p:cNvPr id="26"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2. maj 2025</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Specialkonsulent </a:t>
            </a:r>
          </a:p>
        </p:txBody>
      </p:sp>
      <p:sp>
        <p:nvSpPr>
          <p:cNvPr id="27"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bg1"/>
              </a:solidFill>
              <a:latin typeface="+mn-lt"/>
            </a:endParaRP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Laura Mikkelse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15"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4" name="Slide Number Placeholder 3"/>
          <p:cNvSpPr>
            <a:spLocks noGrp="1"/>
          </p:cNvSpPr>
          <p:nvPr>
            <p:ph type="sldNum" sz="quarter" idx="12"/>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8FB1A8A4-02FE-451F-845D-681FECD2660A}" type="datetime1">
              <a:rPr lang="da-DK" smtClean="0"/>
              <a:t>09-04-2026</a:t>
            </a:fld>
            <a:r>
              <a:rPr lang="da-DK"/>
              <a:t>02-05-2025</a:t>
            </a:r>
          </a:p>
        </p:txBody>
      </p:sp>
      <p:sp>
        <p:nvSpPr>
          <p:cNvPr id="3" name="Footer Placeholder 2"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2570543069"/>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itel og indholdsobjekt">
    <p:spTree>
      <p:nvGrpSpPr>
        <p:cNvPr id="1" name=""/>
        <p:cNvGrpSpPr/>
        <p:nvPr/>
      </p:nvGrpSpPr>
      <p:grpSpPr>
        <a:xfrm>
          <a:off x="0" y="0"/>
          <a:ext cx="0" cy="0"/>
          <a:chOff x="0" y="0"/>
          <a:chExt cx="0" cy="0"/>
        </a:xfrm>
      </p:grpSpPr>
      <p:sp>
        <p:nvSpPr>
          <p:cNvPr id="6" name="Title 1"/>
          <p:cNvSpPr>
            <a:spLocks noGrp="1"/>
          </p:cNvSpPr>
          <p:nvPr>
            <p:ph type="title"/>
          </p:nvPr>
        </p:nvSpPr>
        <p:spPr/>
        <p:txBody>
          <a:bodyPr/>
          <a:lstStyle/>
          <a:p>
            <a:r>
              <a:rPr lang="da-DK"/>
              <a:t>Click to edit Master title style</a:t>
            </a:r>
          </a:p>
        </p:txBody>
      </p:sp>
      <p:sp>
        <p:nvSpPr>
          <p:cNvPr id="3" name="Content Placeholder 2"/>
          <p:cNvSpPr>
            <a:spLocks noGrp="1"/>
          </p:cNvSpPr>
          <p:nvPr>
            <p:ph idx="1"/>
          </p:nvPr>
        </p:nvSpPr>
        <p:spPr>
          <a:xfrm>
            <a:off x="985838" y="1960079"/>
            <a:ext cx="10220325" cy="393748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5" name="TextBox 4"/>
          <p:cNvSpPr txBox="1"/>
          <p:nvPr userDrawn="1"/>
        </p:nvSpPr>
        <p:spPr>
          <a:xfrm>
            <a:off x="-1973598" y="340161"/>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a:p>
          <a:p>
            <a:pPr algn="r">
              <a:lnSpc>
                <a:spcPct val="100000"/>
              </a:lnSpc>
            </a:pPr>
            <a:r>
              <a:rPr lang="da-DK" sz="1000" baseline="0" noProof="1">
                <a:solidFill>
                  <a:schemeClr val="tx1">
                    <a:lumMod val="75000"/>
                    <a:lumOff val="25000"/>
                  </a:schemeClr>
                </a:solidFill>
              </a:rPr>
              <a:t>ændr 2. linje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6A53B433-AC3C-43F2-AE5C-7CEDA4563B88}" type="datetime1">
              <a:rPr lang="da-DK" smtClean="0"/>
              <a:t>09-04-2026</a:t>
            </a:fld>
            <a:r>
              <a:rPr lang="da-DK"/>
              <a:t>02-05-2025</a:t>
            </a:r>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322233786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One line title and bullet text">
    <p:spTree>
      <p:nvGrpSpPr>
        <p:cNvPr id="1" name=""/>
        <p:cNvGrpSpPr/>
        <p:nvPr/>
      </p:nvGrpSpPr>
      <p:grpSpPr>
        <a:xfrm>
          <a:off x="0" y="0"/>
          <a:ext cx="0" cy="0"/>
          <a:chOff x="0" y="0"/>
          <a:chExt cx="0" cy="0"/>
        </a:xfrm>
      </p:grpSpPr>
      <p:sp>
        <p:nvSpPr>
          <p:cNvPr id="5" name="Hvid baggrund"/>
          <p:cNvSpPr/>
          <p:nvPr userDrawn="1"/>
        </p:nvSpPr>
        <p:spPr bwMode="auto">
          <a:xfrm>
            <a:off x="0" y="-1"/>
            <a:ext cx="12193200" cy="5894387"/>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6" name="Black Rectangle"/>
          <p:cNvSpPr/>
          <p:nvPr userDrawn="1"/>
        </p:nvSpPr>
        <p:spPr>
          <a:xfrm>
            <a:off x="990000" y="1045684"/>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4" name="Title 1"/>
          <p:cNvSpPr>
            <a:spLocks noGrp="1"/>
          </p:cNvSpPr>
          <p:nvPr>
            <p:ph type="title"/>
          </p:nvPr>
        </p:nvSpPr>
        <p:spPr>
          <a:xfrm>
            <a:off x="315913" y="228627"/>
            <a:ext cx="11556000" cy="752101"/>
          </a:xfrm>
        </p:spPr>
        <p:txBody>
          <a:bodyPr anchor="t" anchorCtr="0"/>
          <a:lstStyle/>
          <a:p>
            <a:r>
              <a:rPr lang="da-DK"/>
              <a:t>Click to edit Master title style</a:t>
            </a:r>
          </a:p>
        </p:txBody>
      </p:sp>
      <p:sp>
        <p:nvSpPr>
          <p:cNvPr id="3" name="Content Placeholder 2"/>
          <p:cNvSpPr>
            <a:spLocks noGrp="1"/>
          </p:cNvSpPr>
          <p:nvPr>
            <p:ph idx="1"/>
          </p:nvPr>
        </p:nvSpPr>
        <p:spPr>
          <a:xfrm>
            <a:off x="985838" y="1373021"/>
            <a:ext cx="10220325" cy="4521366"/>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18" name="TextBox 17"/>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24BB1912-2BE5-4E4F-B94A-DC178FBC2209}" type="datetime1">
              <a:rPr lang="da-DK" smtClean="0"/>
              <a:t>09-04-2026</a:t>
            </a:fld>
            <a:r>
              <a:rPr lang="da-DK"/>
              <a:t>02-05-2025</a:t>
            </a:r>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666058666"/>
      </p:ext>
    </p:extLst>
  </p:cSld>
  <p:clrMapOvr>
    <a:masterClrMapping/>
  </p:clrMapOvr>
  <p:extLst>
    <p:ext uri="{DCECCB84-F9BA-43D5-87BE-67443E8EF086}">
      <p15:sldGuideLst xmlns:p15="http://schemas.microsoft.com/office/powerpoint/2012/main">
        <p15:guide id="1" orient="horz" pos="865">
          <p15:clr>
            <a:srgbClr val="00000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ext and picture">
    <p:spTree>
      <p:nvGrpSpPr>
        <p:cNvPr id="1" name=""/>
        <p:cNvGrpSpPr/>
        <p:nvPr/>
      </p:nvGrpSpPr>
      <p:grpSpPr>
        <a:xfrm>
          <a:off x="0" y="0"/>
          <a:ext cx="0" cy="0"/>
          <a:chOff x="0" y="0"/>
          <a:chExt cx="0" cy="0"/>
        </a:xfrm>
      </p:grpSpPr>
      <p:sp>
        <p:nvSpPr>
          <p:cNvPr id="14" name="Hvid baggrund"/>
          <p:cNvSpPr/>
          <p:nvPr userDrawn="1"/>
        </p:nvSpPr>
        <p:spPr bwMode="auto">
          <a:xfrm>
            <a:off x="0" y="0"/>
            <a:ext cx="12193200" cy="5911200"/>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5" name="Black Rectangle"/>
          <p:cNvSpPr/>
          <p:nvPr userDrawn="1"/>
        </p:nvSpPr>
        <p:spPr>
          <a:xfrm>
            <a:off x="990000" y="1045684"/>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2" name="Title 1"/>
          <p:cNvSpPr>
            <a:spLocks noGrp="1"/>
          </p:cNvSpPr>
          <p:nvPr>
            <p:ph type="title" hasCustomPrompt="1"/>
          </p:nvPr>
        </p:nvSpPr>
        <p:spPr>
          <a:xfrm>
            <a:off x="316800" y="230400"/>
            <a:ext cx="5644263" cy="752400"/>
          </a:xfrm>
        </p:spPr>
        <p:txBody>
          <a:bodyPr anchor="t" anchorCtr="0"/>
          <a:lstStyle>
            <a:lvl1pPr>
              <a:defRPr/>
            </a:lvl1pPr>
          </a:lstStyle>
          <a:p>
            <a:r>
              <a:rPr lang="da-DK"/>
              <a:t>Insert title</a:t>
            </a:r>
          </a:p>
        </p:txBody>
      </p:sp>
      <p:sp>
        <p:nvSpPr>
          <p:cNvPr id="10" name="Text Placeholder 2"/>
          <p:cNvSpPr>
            <a:spLocks noGrp="1"/>
          </p:cNvSpPr>
          <p:nvPr>
            <p:ph type="body" sz="quarter" idx="14"/>
          </p:nvPr>
        </p:nvSpPr>
        <p:spPr>
          <a:xfrm>
            <a:off x="985838" y="1371600"/>
            <a:ext cx="4975225" cy="452596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7" name="Picture Placeholder 3"/>
          <p:cNvSpPr>
            <a:spLocks noGrp="1"/>
          </p:cNvSpPr>
          <p:nvPr>
            <p:ph type="pic" sz="quarter" idx="13" hasCustomPrompt="1"/>
          </p:nvPr>
        </p:nvSpPr>
        <p:spPr>
          <a:xfrm>
            <a:off x="6230198" y="315913"/>
            <a:ext cx="5644110" cy="558165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8" name="Slide Number Placeholder 7"/>
          <p:cNvSpPr>
            <a:spLocks noGrp="1"/>
          </p:cNvSpPr>
          <p:nvPr>
            <p:ph type="sldNum" sz="quarter" idx="17"/>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700D61C0-87A4-4C99-856F-94523984D787}" type="datetime1">
              <a:rPr lang="da-DK" smtClean="0"/>
              <a:t>09-04-2026</a:t>
            </a:fld>
            <a:r>
              <a:rPr lang="da-DK"/>
              <a:t>02-05-2025</a:t>
            </a:r>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2311579269"/>
      </p:ext>
    </p:extLst>
  </p:cSld>
  <p:clrMapOvr>
    <a:masterClrMapping/>
  </p:clrMapOvr>
  <p:extLst>
    <p:ext uri="{DCECCB84-F9BA-43D5-87BE-67443E8EF086}">
      <p15:sldGuideLst xmlns:p15="http://schemas.microsoft.com/office/powerpoint/2012/main">
        <p15:guide id="1" pos="3924">
          <p15:clr>
            <a:srgbClr val="A4A3A4"/>
          </p15:clr>
        </p15:guide>
        <p15:guide id="2" pos="3755">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Picture slide">
    <p:spTree>
      <p:nvGrpSpPr>
        <p:cNvPr id="1" name=""/>
        <p:cNvGrpSpPr/>
        <p:nvPr/>
      </p:nvGrpSpPr>
      <p:grpSpPr>
        <a:xfrm>
          <a:off x="0" y="0"/>
          <a:ext cx="0" cy="0"/>
          <a:chOff x="0" y="0"/>
          <a:chExt cx="0" cy="0"/>
        </a:xfrm>
      </p:grpSpPr>
      <p:sp>
        <p:nvSpPr>
          <p:cNvPr id="5" name="Picture Placeholder 1"/>
          <p:cNvSpPr>
            <a:spLocks noGrp="1"/>
          </p:cNvSpPr>
          <p:nvPr>
            <p:ph type="pic" sz="quarter" idx="11" hasCustomPrompt="1"/>
          </p:nvPr>
        </p:nvSpPr>
        <p:spPr>
          <a:xfrm>
            <a:off x="316800" y="316800"/>
            <a:ext cx="11559600" cy="5583600"/>
          </a:xfrm>
          <a:solidFill>
            <a:schemeClr val="bg1"/>
          </a:solidFill>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F99A274E-09C5-411D-8DF3-E4723DBC5341}" type="datetime1">
              <a:rPr lang="da-DK" smtClean="0"/>
              <a:t>09-04-2026</a:t>
            </a:fld>
            <a:endParaRPr lang="da-DK"/>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3077618257"/>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Personal information">
    <p:spTree>
      <p:nvGrpSpPr>
        <p:cNvPr id="1" name=""/>
        <p:cNvGrpSpPr/>
        <p:nvPr/>
      </p:nvGrpSpPr>
      <p:grpSpPr>
        <a:xfrm>
          <a:off x="0" y="0"/>
          <a:ext cx="0" cy="0"/>
          <a:chOff x="0" y="0"/>
          <a:chExt cx="0" cy="0"/>
        </a:xfrm>
      </p:grpSpPr>
      <p:sp>
        <p:nvSpPr>
          <p:cNvPr id="14" name="Hvid baggrund"/>
          <p:cNvSpPr/>
          <p:nvPr userDrawn="1"/>
        </p:nvSpPr>
        <p:spPr bwMode="auto">
          <a:xfrm>
            <a:off x="0" y="0"/>
            <a:ext cx="12193200" cy="5911011"/>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5" name="Black Rectangle"/>
          <p:cNvSpPr/>
          <p:nvPr userDrawn="1"/>
        </p:nvSpPr>
        <p:spPr>
          <a:xfrm>
            <a:off x="1001075" y="2694542"/>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2" name="Title 1"/>
          <p:cNvSpPr>
            <a:spLocks noGrp="1"/>
          </p:cNvSpPr>
          <p:nvPr>
            <p:ph type="title"/>
          </p:nvPr>
        </p:nvSpPr>
        <p:spPr>
          <a:xfrm>
            <a:off x="985838" y="1484784"/>
            <a:ext cx="4975225" cy="971980"/>
          </a:xfrm>
        </p:spPr>
        <p:txBody>
          <a:bodyPr anchor="b" anchorCtr="0"/>
          <a:lstStyle>
            <a:lvl1pPr>
              <a:lnSpc>
                <a:spcPct val="95000"/>
              </a:lnSpc>
              <a:defRPr sz="3000">
                <a:latin typeface="+mn-lt"/>
              </a:defRPr>
            </a:lvl1pPr>
          </a:lstStyle>
          <a:p>
            <a:r>
              <a:rPr lang="da-DK"/>
              <a:t>Click to edit Master title style</a:t>
            </a:r>
          </a:p>
        </p:txBody>
      </p:sp>
      <p:sp>
        <p:nvSpPr>
          <p:cNvPr id="10" name="Text Placeholder 2"/>
          <p:cNvSpPr>
            <a:spLocks noGrp="1"/>
          </p:cNvSpPr>
          <p:nvPr>
            <p:ph type="body" sz="quarter" idx="14"/>
          </p:nvPr>
        </p:nvSpPr>
        <p:spPr>
          <a:xfrm>
            <a:off x="985838" y="3010711"/>
            <a:ext cx="4975225" cy="1858449"/>
          </a:xfrm>
        </p:spPr>
        <p:txBody>
          <a:bodyPr/>
          <a:lstStyle>
            <a:lvl1pPr marL="0" indent="0">
              <a:buFont typeface="Calibri" panose="020F0502020204030204" pitchFamily="34" charset="0"/>
              <a:buChar char="​"/>
              <a:defRPr/>
            </a:lvl1pPr>
            <a:lvl5pPr>
              <a:defRPr/>
            </a:lvl5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a:p>
            <a:pPr lvl="5"/>
            <a:r>
              <a:rPr lang="da-DK"/>
              <a:t>6</a:t>
            </a:r>
          </a:p>
        </p:txBody>
      </p:sp>
      <p:sp>
        <p:nvSpPr>
          <p:cNvPr id="7" name="Picture Placeholder 3"/>
          <p:cNvSpPr>
            <a:spLocks noGrp="1"/>
          </p:cNvSpPr>
          <p:nvPr>
            <p:ph type="pic" sz="quarter" idx="13" hasCustomPrompt="1"/>
          </p:nvPr>
        </p:nvSpPr>
        <p:spPr>
          <a:xfrm>
            <a:off x="6231600" y="315913"/>
            <a:ext cx="5644800" cy="558360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1780882"/>
            <a:ext cx="1825892" cy="153888"/>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a:t>
            </a:r>
            <a:endParaRPr lang="da-DK"/>
          </a:p>
        </p:txBody>
      </p:sp>
      <p:sp>
        <p:nvSpPr>
          <p:cNvPr id="8" name="Slide Number Placeholder 7"/>
          <p:cNvSpPr>
            <a:spLocks noGrp="1"/>
          </p:cNvSpPr>
          <p:nvPr>
            <p:ph type="sldNum" sz="quarter" idx="17"/>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5" name="Date Placeholder 4" hidden="1"/>
          <p:cNvSpPr>
            <a:spLocks noGrp="1"/>
          </p:cNvSpPr>
          <p:nvPr>
            <p:ph type="dt" sz="half" idx="15"/>
          </p:nvPr>
        </p:nvSpPr>
        <p:spPr/>
        <p:txBody>
          <a:bodyPr/>
          <a:lstStyle/>
          <a:p>
            <a:fld id="{D569A656-C80C-42AF-A902-CBC045AA8D0E}" type="datetime1">
              <a:rPr lang="da-DK" smtClean="0"/>
              <a:t>09-04-2026</a:t>
            </a:fld>
            <a:r>
              <a:rPr lang="da-DK"/>
              <a:t>02-05-2025</a:t>
            </a:r>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3404064326"/>
      </p:ext>
    </p:extLst>
  </p:cSld>
  <p:clrMapOvr>
    <a:masterClrMapping/>
  </p:clrMapOvr>
  <p:extLst>
    <p:ext uri="{DCECCB84-F9BA-43D5-87BE-67443E8EF086}">
      <p15:sldGuideLst xmlns:p15="http://schemas.microsoft.com/office/powerpoint/2012/main">
        <p15:guide id="1" pos="3930">
          <p15:clr>
            <a:srgbClr val="A4A3A4"/>
          </p15:clr>
        </p15:guide>
        <p15:guide id="2" pos="3755">
          <p15:clr>
            <a:srgbClr val="A4A3A4"/>
          </p15:clr>
        </p15:guide>
        <p15:guide id="3" orient="horz" pos="3069">
          <p15:clr>
            <a:srgbClr val="A4A3A4"/>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Picture slide">
    <p:spTree>
      <p:nvGrpSpPr>
        <p:cNvPr id="1" name=""/>
        <p:cNvGrpSpPr/>
        <p:nvPr/>
      </p:nvGrpSpPr>
      <p:grpSpPr>
        <a:xfrm>
          <a:off x="0" y="0"/>
          <a:ext cx="0" cy="0"/>
          <a:chOff x="0" y="0"/>
          <a:chExt cx="0" cy="0"/>
        </a:xfrm>
      </p:grpSpPr>
      <p:sp>
        <p:nvSpPr>
          <p:cNvPr id="5" name="Picture Placeholder 1"/>
          <p:cNvSpPr>
            <a:spLocks noGrp="1"/>
          </p:cNvSpPr>
          <p:nvPr>
            <p:ph type="pic" sz="quarter" idx="11" hasCustomPrompt="1"/>
          </p:nvPr>
        </p:nvSpPr>
        <p:spPr>
          <a:xfrm>
            <a:off x="316800" y="316800"/>
            <a:ext cx="11559600" cy="5583600"/>
          </a:xfrm>
          <a:solidFill>
            <a:schemeClr val="bg1"/>
          </a:solidFill>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736BD3CC-BC3C-488C-9F65-0A9A1504D72B}" type="datetime1">
              <a:rPr lang="da-DK" smtClean="0"/>
              <a:t>09-04-2026</a:t>
            </a:fld>
            <a:r>
              <a:rPr lang="da-DK"/>
              <a:t>02-05-2025</a:t>
            </a:r>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1580455788"/>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wo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5" name="Picture Placeholder 2"/>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9" name="Slide Number Placeholder 8"/>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0E669396-E96D-4231-A7F2-37496938F16C}" type="datetime1">
              <a:rPr lang="da-DK" smtClean="0"/>
              <a:t>09-04-2026</a:t>
            </a:fld>
            <a:r>
              <a:rPr lang="da-DK"/>
              <a:t>02-05-2025</a:t>
            </a:r>
          </a:p>
        </p:txBody>
      </p:sp>
      <p:sp>
        <p:nvSpPr>
          <p:cNvPr id="8" name="Footer Placeholder 7"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2579553941"/>
      </p:ext>
    </p:extLst>
  </p:cSld>
  <p:clrMapOvr>
    <a:masterClrMapping/>
  </p:clrMapOvr>
  <p:extLst>
    <p:ext uri="{DCECCB84-F9BA-43D5-87BE-67443E8EF086}">
      <p15:sldGuideLst xmlns:p15="http://schemas.microsoft.com/office/powerpoint/2012/main">
        <p15:guide id="1" pos="3924">
          <p15:clr>
            <a:srgbClr val="A4A3A4"/>
          </p15:clr>
        </p15:guide>
        <p15:guide id="2" pos="3754">
          <p15:clr>
            <a:srgbClr val="A4A3A4"/>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Three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2653200"/>
          </a:xfrm>
          <a:solidFill>
            <a:schemeClr val="bg1"/>
          </a:solidFill>
        </p:spPr>
        <p:txBody>
          <a:bodyPr/>
          <a:lstStyle>
            <a:lvl1pPr marL="0" indent="0">
              <a:buFontTx/>
              <a:buNone/>
              <a:defRPr b="0"/>
            </a:lvl1pPr>
          </a:lstStyle>
          <a:p>
            <a:r>
              <a:rPr lang="da-DK"/>
              <a:t>Click here and add image via Templafy Image Library</a:t>
            </a:r>
          </a:p>
        </p:txBody>
      </p:sp>
      <p:sp>
        <p:nvSpPr>
          <p:cNvPr id="7" name="Picture Placeholder 2"/>
          <p:cNvSpPr>
            <a:spLocks noGrp="1"/>
          </p:cNvSpPr>
          <p:nvPr>
            <p:ph type="pic" sz="quarter" idx="13" hasCustomPrompt="1"/>
          </p:nvPr>
        </p:nvSpPr>
        <p:spPr>
          <a:xfrm>
            <a:off x="316800" y="3237372"/>
            <a:ext cx="5644800" cy="2653200"/>
          </a:xfrm>
        </p:spPr>
        <p:txBody>
          <a:bodyPr/>
          <a:lstStyle>
            <a:lvl1pPr marL="0" indent="0">
              <a:buFontTx/>
              <a:buNone/>
              <a:defRPr b="0"/>
            </a:lvl1pPr>
          </a:lstStyle>
          <a:p>
            <a:r>
              <a:rPr lang="da-DK"/>
              <a:t>Click here and add image via Templafy Image Library</a:t>
            </a:r>
          </a:p>
        </p:txBody>
      </p:sp>
      <p:sp>
        <p:nvSpPr>
          <p:cNvPr id="5" name="Picture Placeholder 3"/>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B4D379DB-43B2-47FE-B37F-E2235AEEAE9A}" type="datetime1">
              <a:rPr lang="da-DK" smtClean="0"/>
              <a:t>09-04-2026</a:t>
            </a:fld>
            <a:r>
              <a:rPr lang="da-DK"/>
              <a:t>02-05-2025</a:t>
            </a:r>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946994273"/>
      </p:ext>
    </p:extLst>
  </p:cSld>
  <p:clrMapOvr>
    <a:masterClrMapping/>
  </p:clrMapOvr>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hree pictures II">
    <p:spTree>
      <p:nvGrpSpPr>
        <p:cNvPr id="1" name=""/>
        <p:cNvGrpSpPr/>
        <p:nvPr/>
      </p:nvGrpSpPr>
      <p:grpSpPr>
        <a:xfrm>
          <a:off x="0" y="0"/>
          <a:ext cx="0" cy="0"/>
          <a:chOff x="0" y="0"/>
          <a:chExt cx="0" cy="0"/>
        </a:xfrm>
      </p:grpSpPr>
      <p:sp>
        <p:nvSpPr>
          <p:cNvPr id="5" name="Picture Placeholder 1"/>
          <p:cNvSpPr>
            <a:spLocks noGrp="1"/>
          </p:cNvSpPr>
          <p:nvPr>
            <p:ph type="pic" sz="quarter" idx="12"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4" name="Picture Placeholder 2"/>
          <p:cNvSpPr>
            <a:spLocks noGrp="1"/>
          </p:cNvSpPr>
          <p:nvPr>
            <p:ph type="pic" sz="quarter" idx="11" hasCustomPrompt="1"/>
          </p:nvPr>
        </p:nvSpPr>
        <p:spPr>
          <a:xfrm>
            <a:off x="6231600" y="316800"/>
            <a:ext cx="5644800" cy="2653200"/>
          </a:xfrm>
        </p:spPr>
        <p:txBody>
          <a:bodyPr/>
          <a:lstStyle>
            <a:lvl1pPr marL="0" indent="0">
              <a:buFontTx/>
              <a:buNone/>
              <a:defRPr b="0"/>
            </a:lvl1pPr>
          </a:lstStyle>
          <a:p>
            <a:r>
              <a:rPr lang="da-DK"/>
              <a:t>Click here and add image via Templafy Image Library</a:t>
            </a:r>
          </a:p>
        </p:txBody>
      </p:sp>
      <p:sp>
        <p:nvSpPr>
          <p:cNvPr id="7" name="Picture Placeholder 3"/>
          <p:cNvSpPr>
            <a:spLocks noGrp="1"/>
          </p:cNvSpPr>
          <p:nvPr>
            <p:ph type="pic" sz="quarter" idx="13" hasCustomPrompt="1"/>
          </p:nvPr>
        </p:nvSpPr>
        <p:spPr>
          <a:xfrm>
            <a:off x="6231600" y="3237372"/>
            <a:ext cx="5644800" cy="26532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8" name="Date Placeholder 7" hidden="1"/>
          <p:cNvSpPr>
            <a:spLocks noGrp="1"/>
          </p:cNvSpPr>
          <p:nvPr>
            <p:ph type="dt" sz="half" idx="14"/>
          </p:nvPr>
        </p:nvSpPr>
        <p:spPr/>
        <p:txBody>
          <a:bodyPr/>
          <a:lstStyle/>
          <a:p>
            <a:fld id="{E7D2CDB1-3487-4BA9-8CBB-DC4B6AFDB01A}" type="datetime1">
              <a:rPr lang="da-DK" smtClean="0"/>
              <a:t>09-04-2026</a:t>
            </a:fld>
            <a:r>
              <a:rPr lang="da-DK"/>
              <a:t>02-05-2025</a:t>
            </a:r>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238604005"/>
      </p:ext>
    </p:extLst>
  </p:cSld>
  <p:clrMapOvr>
    <a:masterClrMapping/>
  </p:clrMapOvr>
  <p:extLst>
    <p:ext uri="{DCECCB84-F9BA-43D5-87BE-67443E8EF086}">
      <p15:sldGuideLst xmlns:p15="http://schemas.microsoft.com/office/powerpoint/2012/main">
        <p15:guide id="1" pos="3922">
          <p15:clr>
            <a:srgbClr val="A4A3A4"/>
          </p15:clr>
        </p15:guide>
        <p15:guide id="2" pos="3755">
          <p15:clr>
            <a:srgbClr val="A4A3A4"/>
          </p15:clr>
        </p15:guide>
        <p15:guide id="3" orient="horz" pos="2039">
          <p15:clr>
            <a:srgbClr val="A4A3A4"/>
          </p15:clr>
        </p15:guide>
        <p15:guide id="4" orient="horz" pos="1872">
          <p15:clr>
            <a:srgbClr val="A4A3A4"/>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Full slide picture">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315913" y="315913"/>
            <a:ext cx="11557000" cy="6220354"/>
          </a:xfrm>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2"/>
          </p:nvPr>
        </p:nvSpPr>
        <p:spPr/>
        <p:txBody>
          <a:bodyPr/>
          <a:lstStyle/>
          <a:p>
            <a:fld id="{24129C18-340D-499C-B8C5-2CC762AC6682}" type="datetime1">
              <a:rPr lang="da-DK" smtClean="0"/>
              <a:t>09-04-2026</a:t>
            </a:fld>
            <a:r>
              <a:rPr lang="da-DK"/>
              <a:t>02-05-2025</a:t>
            </a:r>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2901647603"/>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Quote slide">
    <p:spTree>
      <p:nvGrpSpPr>
        <p:cNvPr id="1" name=""/>
        <p:cNvGrpSpPr/>
        <p:nvPr/>
      </p:nvGrpSpPr>
      <p:grpSpPr>
        <a:xfrm>
          <a:off x="0" y="0"/>
          <a:ext cx="0" cy="0"/>
          <a:chOff x="0" y="0"/>
          <a:chExt cx="0" cy="0"/>
        </a:xfrm>
      </p:grpSpPr>
      <p:sp>
        <p:nvSpPr>
          <p:cNvPr id="9" name="Hvid baggrund"/>
          <p:cNvSpPr/>
          <p:nvPr userDrawn="1"/>
        </p:nvSpPr>
        <p:spPr bwMode="auto">
          <a:xfrm>
            <a:off x="0" y="0"/>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0" name="Slide Number Placeholder 9"/>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30ADC2E8-5F69-4363-9EED-54326A7CBD11}" type="datetime1">
              <a:rPr lang="da-DK" smtClean="0"/>
              <a:t>09-04-2026</a:t>
            </a:fld>
            <a:r>
              <a:rPr lang="da-DK"/>
              <a:t>02-05-2025</a:t>
            </a:r>
          </a:p>
        </p:txBody>
      </p:sp>
      <p:sp>
        <p:nvSpPr>
          <p:cNvPr id="8" name="Footer Placeholder 7" hidden="1"/>
          <p:cNvSpPr>
            <a:spLocks noGrp="1"/>
          </p:cNvSpPr>
          <p:nvPr>
            <p:ph type="ftr" sz="quarter" idx="14"/>
          </p:nvPr>
        </p:nvSpPr>
        <p:spPr/>
        <p:txBody>
          <a:bodyPr/>
          <a:lstStyle/>
          <a:p>
            <a:endParaRPr lang="da-DK"/>
          </a:p>
        </p:txBody>
      </p:sp>
      <p:sp>
        <p:nvSpPr>
          <p:cNvPr id="11" name="Text Placeholder 61"/>
          <p:cNvSpPr>
            <a:spLocks noGrp="1"/>
          </p:cNvSpPr>
          <p:nvPr>
            <p:ph type="body" sz="quarter" idx="16" hasCustomPrompt="1"/>
          </p:nvPr>
        </p:nvSpPr>
        <p:spPr>
          <a:xfrm>
            <a:off x="1845940" y="1412776"/>
            <a:ext cx="8496944" cy="3744416"/>
          </a:xfrm>
        </p:spPr>
        <p:txBody>
          <a:bodyPr/>
          <a:lstStyle>
            <a:lvl1pPr marL="432000" indent="-432000" algn="ctr">
              <a:lnSpc>
                <a:spcPct val="107000"/>
              </a:lnSpc>
              <a:buSzPct val="250000"/>
              <a:buFontTx/>
              <a:buBlip>
                <a:blip r:embed="rId2"/>
              </a:buBlip>
              <a:defRPr sz="2800">
                <a:latin typeface="Georgia" panose="02040502050405020303" pitchFamily="18" charset="0"/>
              </a:defRPr>
            </a:lvl1pPr>
            <a:lvl2pPr marL="216000" indent="-216000" algn="ctr">
              <a:lnSpc>
                <a:spcPct val="99000"/>
              </a:lnSpc>
              <a:buFont typeface="Arial" panose="020B0604020202020204" pitchFamily="34" charset="0"/>
              <a:buChar char="-"/>
              <a:defRPr sz="2000" cap="all" baseline="0">
                <a:latin typeface="Georgia" panose="02040502050405020303" pitchFamily="18" charset="0"/>
              </a:defRPr>
            </a:lvl2pPr>
            <a:lvl3pPr algn="ctr">
              <a:buFontTx/>
              <a:buNone/>
              <a:defRPr/>
            </a:lvl3pPr>
          </a:lstStyle>
          <a:p>
            <a:pPr lvl="0"/>
            <a:r>
              <a:rPr lang="da-DK"/>
              <a:t>Click to add Quote text, for next level ENTER and TAB</a:t>
            </a:r>
          </a:p>
          <a:p>
            <a:pPr lvl="1"/>
            <a:r>
              <a:rPr lang="da-DK"/>
              <a:t>Second level</a:t>
            </a:r>
          </a:p>
          <a:p>
            <a:pPr lvl="2"/>
            <a:endParaRPr lang="da-DK"/>
          </a:p>
        </p:txBody>
      </p:sp>
    </p:spTree>
    <p:extLst>
      <p:ext uri="{BB962C8B-B14F-4D97-AF65-F5344CB8AC3E}">
        <p14:creationId xmlns:p14="http://schemas.microsoft.com/office/powerpoint/2010/main" val="4144025079"/>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itel and Quote slide">
    <p:spTree>
      <p:nvGrpSpPr>
        <p:cNvPr id="1" name=""/>
        <p:cNvGrpSpPr/>
        <p:nvPr/>
      </p:nvGrpSpPr>
      <p:grpSpPr>
        <a:xfrm>
          <a:off x="0" y="0"/>
          <a:ext cx="0" cy="0"/>
          <a:chOff x="0" y="0"/>
          <a:chExt cx="0" cy="0"/>
        </a:xfrm>
      </p:grpSpPr>
      <p:sp>
        <p:nvSpPr>
          <p:cNvPr id="8" name="Hvid baggrund"/>
          <p:cNvSpPr/>
          <p:nvPr userDrawn="1"/>
        </p:nvSpPr>
        <p:spPr bwMode="auto">
          <a:xfrm>
            <a:off x="0" y="0"/>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Title 1"/>
          <p:cNvSpPr>
            <a:spLocks noGrp="1"/>
          </p:cNvSpPr>
          <p:nvPr>
            <p:ph type="title"/>
          </p:nvPr>
        </p:nvSpPr>
        <p:spPr>
          <a:xfrm>
            <a:off x="315913" y="230400"/>
            <a:ext cx="11563200" cy="752400"/>
          </a:xfrm>
        </p:spPr>
        <p:txBody>
          <a:bodyPr anchor="t" anchorCtr="0"/>
          <a:lstStyle/>
          <a:p>
            <a:r>
              <a:rPr lang="da-DK"/>
              <a:t>Click to edit Master title style</a:t>
            </a:r>
          </a:p>
        </p:txBody>
      </p:sp>
      <p:sp>
        <p:nvSpPr>
          <p:cNvPr id="7" name="Text Placeholder 2"/>
          <p:cNvSpPr>
            <a:spLocks noGrp="1"/>
          </p:cNvSpPr>
          <p:nvPr>
            <p:ph type="body" sz="quarter" idx="11" hasCustomPrompt="1"/>
          </p:nvPr>
        </p:nvSpPr>
        <p:spPr>
          <a:xfrm>
            <a:off x="2998068" y="1853461"/>
            <a:ext cx="6264696" cy="2725288"/>
          </a:xfrm>
        </p:spPr>
        <p:txBody>
          <a:bodyPr/>
          <a:lstStyle>
            <a:lvl1pPr marL="432000" indent="-432000" algn="ctr">
              <a:lnSpc>
                <a:spcPct val="107000"/>
              </a:lnSpc>
              <a:buSzPct val="250000"/>
              <a:buFontTx/>
              <a:buBlip>
                <a:blip r:embed="rId2"/>
              </a:buBlip>
              <a:defRPr sz="2800">
                <a:latin typeface="Georgia" panose="02040502050405020303" pitchFamily="18" charset="0"/>
              </a:defRPr>
            </a:lvl1pPr>
            <a:lvl2pPr marL="216000" indent="-216000" algn="ctr">
              <a:lnSpc>
                <a:spcPct val="99000"/>
              </a:lnSpc>
              <a:buFont typeface="Arial" panose="020B0604020202020204" pitchFamily="34" charset="0"/>
              <a:buChar char="-"/>
              <a:defRPr sz="2000" cap="all" baseline="0">
                <a:latin typeface="Georgia" panose="02040502050405020303" pitchFamily="18" charset="0"/>
              </a:defRPr>
            </a:lvl2pPr>
            <a:lvl3pPr marL="576000" indent="0">
              <a:buNone/>
              <a:defRPr/>
            </a:lvl3pPr>
          </a:lstStyle>
          <a:p>
            <a:pPr lvl="0"/>
            <a:r>
              <a:rPr lang="da-DK"/>
              <a:t>Click to add Quote text, for next level ENTER and TAB</a:t>
            </a:r>
          </a:p>
          <a:p>
            <a:pPr lvl="1"/>
            <a:r>
              <a:rPr lang="da-DK"/>
              <a:t>Second level</a:t>
            </a:r>
          </a:p>
        </p:txBody>
      </p:sp>
      <p:sp>
        <p:nvSpPr>
          <p:cNvPr id="11" name="Slide Number Placeholder 10"/>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0A397602-057C-4937-88F9-D7415C22376A}" type="datetime1">
              <a:rPr lang="da-DK" smtClean="0"/>
              <a:t>09-04-2026</a:t>
            </a:fld>
            <a:r>
              <a:rPr lang="da-DK"/>
              <a:t>02-05-2025</a:t>
            </a:r>
          </a:p>
        </p:txBody>
      </p:sp>
      <p:sp>
        <p:nvSpPr>
          <p:cNvPr id="10" name="Footer Placeholder 9"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475056838"/>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Full slide content">
    <p:spTree>
      <p:nvGrpSpPr>
        <p:cNvPr id="1" name=""/>
        <p:cNvGrpSpPr/>
        <p:nvPr/>
      </p:nvGrpSpPr>
      <p:grpSpPr>
        <a:xfrm>
          <a:off x="0" y="0"/>
          <a:ext cx="0" cy="0"/>
          <a:chOff x="0" y="0"/>
          <a:chExt cx="0" cy="0"/>
        </a:xfrm>
      </p:grpSpPr>
      <p:sp>
        <p:nvSpPr>
          <p:cNvPr id="5" name="Content Placeholder 1"/>
          <p:cNvSpPr>
            <a:spLocks noGrp="1"/>
          </p:cNvSpPr>
          <p:nvPr>
            <p:ph sz="quarter" idx="12"/>
          </p:nvPr>
        </p:nvSpPr>
        <p:spPr>
          <a:xfrm>
            <a:off x="328613" y="328612"/>
            <a:ext cx="11550650" cy="6213475"/>
          </a:xfrm>
        </p:spPr>
        <p:txBody>
          <a:body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8" name="Slide Number Placeholder 7"/>
          <p:cNvSpPr>
            <a:spLocks noGrp="1"/>
          </p:cNvSpPr>
          <p:nvPr>
            <p:ph type="sldNum" sz="quarter" idx="15"/>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6" name="Date Placeholder 5" hidden="1"/>
          <p:cNvSpPr>
            <a:spLocks noGrp="1"/>
          </p:cNvSpPr>
          <p:nvPr>
            <p:ph type="dt" sz="half" idx="13"/>
          </p:nvPr>
        </p:nvSpPr>
        <p:spPr/>
        <p:txBody>
          <a:bodyPr/>
          <a:lstStyle/>
          <a:p>
            <a:fld id="{C60C00ED-96D1-446F-84E4-79FFB62BCB90}" type="datetime1">
              <a:rPr lang="da-DK" smtClean="0"/>
              <a:t>09-04-2026</a:t>
            </a:fld>
            <a:r>
              <a:rPr lang="da-DK"/>
              <a:t>02-05-2025</a:t>
            </a:r>
          </a:p>
        </p:txBody>
      </p:sp>
      <p:sp>
        <p:nvSpPr>
          <p:cNvPr id="7" name="Footer Placeholder 6"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2204572790"/>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Click to edit Master title style</a:t>
            </a:r>
          </a:p>
        </p:txBody>
      </p:sp>
      <p:sp>
        <p:nvSpPr>
          <p:cNvPr id="6" name="TextBox 5"/>
          <p:cNvSpPr txBox="1"/>
          <p:nvPr userDrawn="1"/>
        </p:nvSpPr>
        <p:spPr>
          <a:xfrm>
            <a:off x="-2160355" y="1022476"/>
            <a:ext cx="2012649" cy="473425"/>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Light</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5D5855C3-5076-425A-9DF5-EEE030DA9330}" type="datetime1">
              <a:rPr lang="da-DK" smtClean="0"/>
              <a:t>09-04-2026</a:t>
            </a:fld>
            <a:r>
              <a:rPr lang="da-DK"/>
              <a:t>02-05-2025</a:t>
            </a:r>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369253916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wo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5" name="Picture Placeholder 2"/>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9" name="Slide Number Placeholder 8"/>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3"/>
          </p:nvPr>
        </p:nvSpPr>
        <p:spPr/>
        <p:txBody>
          <a:bodyPr/>
          <a:lstStyle/>
          <a:p>
            <a:fld id="{84E4EF35-5F60-44AA-BDBA-86BC65E4667B}" type="datetime1">
              <a:rPr lang="da-DK" smtClean="0"/>
              <a:t>09-04-2026</a:t>
            </a:fld>
            <a:endParaRPr lang="da-DK"/>
          </a:p>
        </p:txBody>
      </p:sp>
      <p:sp>
        <p:nvSpPr>
          <p:cNvPr id="8" name="Footer Placeholder 7"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2087004173"/>
      </p:ext>
    </p:extLst>
  </p:cSld>
  <p:clrMapOvr>
    <a:masterClrMapping/>
  </p:clrMapOvr>
  <p:extLst>
    <p:ext uri="{DCECCB84-F9BA-43D5-87BE-67443E8EF086}">
      <p15:sldGuideLst xmlns:p15="http://schemas.microsoft.com/office/powerpoint/2012/main">
        <p15:guide id="1" pos="3924" userDrawn="1">
          <p15:clr>
            <a:srgbClr val="A4A3A4"/>
          </p15:clr>
        </p15:guide>
        <p15:guide id="2" pos="3754" userDrawn="1">
          <p15:clr>
            <a:srgbClr val="A4A3A4"/>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type="blank" preserve="1">
  <p:cSld name="Tomt">
    <p:spTree>
      <p:nvGrpSpPr>
        <p:cNvPr id="1" name=""/>
        <p:cNvGrpSpPr/>
        <p:nvPr/>
      </p:nvGrpSpPr>
      <p:grpSpPr>
        <a:xfrm>
          <a:off x="0" y="0"/>
          <a:ext cx="0" cy="0"/>
          <a:chOff x="0" y="0"/>
          <a:chExt cx="0" cy="0"/>
        </a:xfrm>
      </p:grpSpPr>
      <p:sp>
        <p:nvSpPr>
          <p:cNvPr id="3" name="Rectangle 2"/>
          <p:cNvSpPr/>
          <p:nvPr userDrawn="1"/>
        </p:nvSpPr>
        <p:spPr bwMode="auto">
          <a:xfrm>
            <a:off x="765820" y="1340768"/>
            <a:ext cx="1224136" cy="504056"/>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Slide Number Placeholder 4"/>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68DA59AD-A3CD-433A-9220-E1C11DEDC3ED}" type="datetime1">
              <a:rPr lang="da-DK" smtClean="0"/>
              <a:t>09-04-2026</a:t>
            </a:fld>
            <a:r>
              <a:rPr lang="da-DK"/>
              <a:t>02-05-2025</a:t>
            </a:r>
          </a:p>
        </p:txBody>
      </p:sp>
      <p:sp>
        <p:nvSpPr>
          <p:cNvPr id="4" name="Footer Placeholder 3"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3413642424"/>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End slide Logo">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pic>
        <p:nvPicPr>
          <p:cNvPr id="6"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828776" y="2163364"/>
            <a:ext cx="2531272" cy="2531272"/>
          </a:xfrm>
          <a:prstGeom prst="rect">
            <a:avLst/>
          </a:prstGeom>
        </p:spPr>
      </p:pic>
      <p:sp>
        <p:nvSpPr>
          <p:cNvPr id="5" name="Date Placeholder 4" hidden="1"/>
          <p:cNvSpPr>
            <a:spLocks noGrp="1"/>
          </p:cNvSpPr>
          <p:nvPr>
            <p:ph type="dt" sz="half" idx="10"/>
          </p:nvPr>
        </p:nvSpPr>
        <p:spPr/>
        <p:txBody>
          <a:bodyPr/>
          <a:lstStyle/>
          <a:p>
            <a:fld id="{300A265D-379C-4C41-BCC7-FD061B7558F2}" type="datetime1">
              <a:rPr lang="da-DK" smtClean="0"/>
              <a:t>09-04-2026</a:t>
            </a:fld>
            <a:r>
              <a:rPr lang="da-DK"/>
              <a:t>02-05-2025</a:t>
            </a:r>
          </a:p>
        </p:txBody>
      </p:sp>
      <p:sp>
        <p:nvSpPr>
          <p:cNvPr id="7" name="Footer Placeholder 6" hidden="1"/>
          <p:cNvSpPr>
            <a:spLocks noGrp="1"/>
          </p:cNvSpPr>
          <p:nvPr>
            <p:ph type="ftr" sz="quarter" idx="11"/>
          </p:nvPr>
        </p:nvSpPr>
        <p:spPr/>
        <p:txBody>
          <a:bodyPr/>
          <a:lstStyle/>
          <a:p>
            <a:endParaRPr lang="da-DK"/>
          </a:p>
        </p:txBody>
      </p:sp>
      <p:sp>
        <p:nvSpPr>
          <p:cNvPr id="9"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376515978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preserve="1" userDrawn="1">
  <p:cSld name="End slide">
    <p:bg>
      <p:bgPr>
        <a:solidFill>
          <a:schemeClr val="bg1"/>
        </a:solidFill>
        <a:effectLst/>
      </p:bgPr>
    </p:bg>
    <p:spTree>
      <p:nvGrpSpPr>
        <p:cNvPr id="1" name=""/>
        <p:cNvGrpSpPr/>
        <p:nvPr/>
      </p:nvGrpSpPr>
      <p:grpSpPr>
        <a:xfrm>
          <a:off x="0" y="0"/>
          <a:ext cx="0" cy="0"/>
          <a:chOff x="0" y="0"/>
          <a:chExt cx="0" cy="0"/>
        </a:xfrm>
      </p:grpSpPr>
      <p:sp>
        <p:nvSpPr>
          <p:cNvPr id="16"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34" name="Pladsholder til tekst 2"/>
          <p:cNvSpPr txBox="1">
            <a:spLocks/>
          </p:cNvSpPr>
          <p:nvPr userDrawn="1"/>
        </p:nvSpPr>
        <p:spPr>
          <a:xfrm>
            <a:off x="1090914" y="2098689"/>
            <a:ext cx="12745416"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a:solidFill>
                  <a:schemeClr val="accent6"/>
                </a:solidFill>
                <a:latin typeface="AU Peto" panose="040C0B07020602020301" pitchFamily="82" charset="0"/>
              </a:rPr>
              <a:t>Aarhus</a:t>
            </a:r>
            <a:endParaRPr lang="da-DK"/>
          </a:p>
        </p:txBody>
      </p:sp>
      <p:sp>
        <p:nvSpPr>
          <p:cNvPr id="6" name="Pladsholder til tekst 2"/>
          <p:cNvSpPr txBox="1">
            <a:spLocks/>
          </p:cNvSpPr>
          <p:nvPr userDrawn="1"/>
        </p:nvSpPr>
        <p:spPr>
          <a:xfrm>
            <a:off x="7439540" y="2093600"/>
            <a:ext cx="4356484"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err="1">
                <a:solidFill>
                  <a:schemeClr val="bg1"/>
                </a:solidFill>
                <a:latin typeface="AU Peto" panose="040C0B07020602020301" pitchFamily="82" charset="0"/>
              </a:rPr>
              <a:t>uni</a:t>
            </a:r>
            <a:endParaRPr lang="da-DK" sz="10000" kern="0">
              <a:solidFill>
                <a:schemeClr val="bg1"/>
              </a:solidFill>
              <a:latin typeface="AU Peto" panose="040C0B07020602020301" pitchFamily="82" charset="0"/>
            </a:endParaRPr>
          </a:p>
        </p:txBody>
      </p:sp>
      <p:sp>
        <p:nvSpPr>
          <p:cNvPr id="7" name="Pladsholder til tekst 2"/>
          <p:cNvSpPr txBox="1">
            <a:spLocks/>
          </p:cNvSpPr>
          <p:nvPr userDrawn="1"/>
        </p:nvSpPr>
        <p:spPr>
          <a:xfrm>
            <a:off x="1881492" y="3428550"/>
            <a:ext cx="9289032"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gn="ctr">
              <a:lnSpc>
                <a:spcPct val="85000"/>
              </a:lnSpc>
            </a:pPr>
            <a:r>
              <a:rPr lang="da-DK" sz="10000" kern="0" err="1">
                <a:solidFill>
                  <a:schemeClr val="bg1"/>
                </a:solidFill>
                <a:latin typeface="AU Peto" panose="040C0B07020602020301" pitchFamily="82" charset="0"/>
              </a:rPr>
              <a:t>versiet</a:t>
            </a:r>
            <a:endParaRPr lang="da-DK" sz="10000">
              <a:solidFill>
                <a:schemeClr val="bg1"/>
              </a:solidFill>
              <a:latin typeface="AU Peto" panose="040C0B07020602020301" pitchFamily="82" charset="0"/>
            </a:endParaRPr>
          </a:p>
        </p:txBody>
      </p:sp>
      <p:sp>
        <p:nvSpPr>
          <p:cNvPr id="8" name="Date Placeholder 4" hidden="1"/>
          <p:cNvSpPr>
            <a:spLocks noGrp="1"/>
          </p:cNvSpPr>
          <p:nvPr>
            <p:ph type="dt" sz="half" idx="10"/>
          </p:nvPr>
        </p:nvSpPr>
        <p:spPr>
          <a:xfrm>
            <a:off x="0" y="7020000"/>
            <a:ext cx="0" cy="0"/>
          </a:xfrm>
        </p:spPr>
        <p:txBody>
          <a:bodyPr/>
          <a:lstStyle/>
          <a:p>
            <a:fld id="{80FF122D-41F3-4D23-A612-BE6CA8B3FBBC}" type="datetime1">
              <a:rPr lang="da-DK" smtClean="0"/>
              <a:t>09-04-2026</a:t>
            </a:fld>
            <a:r>
              <a:rPr lang="da-DK"/>
              <a:t>02-05-2025</a:t>
            </a:r>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75806904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End slide Aarhus Universitet">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5" name="LAN_AUWBreak"/>
          <p:cNvSpPr/>
          <p:nvPr userDrawn="1"/>
        </p:nvSpPr>
        <p:spPr bwMode="auto">
          <a:xfrm>
            <a:off x="6022613" y="2804400"/>
            <a:ext cx="65" cy="757567"/>
          </a:xfrm>
          <a:prstGeom prst="rect">
            <a:avLst/>
          </a:prstGeom>
          <a:noFill/>
          <a:ln w="1778" cap="flat" cmpd="sng" algn="ctr">
            <a:noFill/>
            <a:prstDash val="solid"/>
            <a:round/>
            <a:headEnd type="none" w="med" len="med"/>
            <a:tailEnd type="none" w="med" len="med"/>
          </a:ln>
          <a:effectLst/>
        </p:spPr>
        <p:txBody>
          <a:bodyPr vert="horz" wrap="none" lIns="0" tIns="183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4000" b="0" i="0" u="none" strike="noStrike" cap="all" normalizeH="0" baseline="0" noProof="1">
                <a:ln>
                  <a:noFill/>
                </a:ln>
                <a:solidFill>
                  <a:schemeClr val="bg1"/>
                </a:solidFill>
                <a:effectLst/>
                <a:latin typeface="AU Passata" pitchFamily="34" charset="0"/>
              </a:rPr>
              <a:t>Aarhus 
Universitet</a:t>
            </a:r>
          </a:p>
        </p:txBody>
      </p:sp>
      <p:pic>
        <p:nvPicPr>
          <p:cNvPr id="6" name="Logo white"/>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318268" y="2864711"/>
            <a:ext cx="2228400" cy="1116990"/>
          </a:xfrm>
          <a:prstGeom prst="rect">
            <a:avLst/>
          </a:prstGeom>
        </p:spPr>
      </p:pic>
      <p:sp>
        <p:nvSpPr>
          <p:cNvPr id="7" name="Date Placeholder 4" hidden="1"/>
          <p:cNvSpPr>
            <a:spLocks noGrp="1"/>
          </p:cNvSpPr>
          <p:nvPr>
            <p:ph type="dt" sz="half" idx="10"/>
          </p:nvPr>
        </p:nvSpPr>
        <p:spPr>
          <a:xfrm>
            <a:off x="0" y="7020000"/>
            <a:ext cx="0" cy="0"/>
          </a:xfrm>
        </p:spPr>
        <p:txBody>
          <a:bodyPr/>
          <a:lstStyle/>
          <a:p>
            <a:fld id="{EEE85E2B-466D-4822-9FC5-E80A5BAE87AA}" type="datetime1">
              <a:rPr lang="da-DK" smtClean="0"/>
              <a:t>09-04-2026</a:t>
            </a:fld>
            <a:r>
              <a:rPr lang="da-DK"/>
              <a:t>02-05-2025</a:t>
            </a:r>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0"/>
            <a:ext cx="0" cy="461665"/>
          </a:xfrm>
        </p:spPr>
        <p:txBody>
          <a:bodyPr/>
          <a:lstStyle>
            <a:lvl1pPr>
              <a:defRPr sz="100">
                <a:noFill/>
              </a:defRPr>
            </a:lvl1pPr>
          </a:lstStyle>
          <a:p>
            <a:pPr>
              <a:defRPr/>
            </a:pPr>
            <a:fld id="{E90C1E0A-682D-40DC-B1EA-26C007FDC330}" type="slidenum">
              <a:rPr lang="da-DK" smtClean="0"/>
              <a:pPr>
                <a:defRPr/>
              </a:pPr>
              <a:t>‹#›</a:t>
            </a:fld>
            <a:endParaRPr lang="da-DK"/>
          </a:p>
        </p:txBody>
      </p:sp>
    </p:spTree>
    <p:extLst>
      <p:ext uri="{BB962C8B-B14F-4D97-AF65-F5344CB8AC3E}">
        <p14:creationId xmlns:p14="http://schemas.microsoft.com/office/powerpoint/2010/main" val="237335236"/>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userDrawn="1">
  <p:cSld name="Title two lines and content">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985838" y="315913"/>
            <a:ext cx="10887075" cy="1240878"/>
          </a:xfrm>
        </p:spPr>
        <p:txBody>
          <a:bodyPr anchor="t" anchorCtr="0"/>
          <a:lstStyle>
            <a:lvl1pPr>
              <a:defRPr>
                <a:solidFill>
                  <a:schemeClr val="tx1"/>
                </a:solidFill>
              </a:defRPr>
            </a:lvl1pPr>
          </a:lstStyle>
          <a:p>
            <a:r>
              <a:rPr lang="da-DK"/>
              <a:t>Klik for at indsætte titel</a:t>
            </a:r>
          </a:p>
        </p:txBody>
      </p:sp>
      <p:sp>
        <p:nvSpPr>
          <p:cNvPr id="3" name="Content Placeholder 2"/>
          <p:cNvSpPr>
            <a:spLocks noGrp="1"/>
          </p:cNvSpPr>
          <p:nvPr>
            <p:ph idx="1" hasCustomPrompt="1"/>
          </p:nvPr>
        </p:nvSpPr>
        <p:spPr>
          <a:xfrm>
            <a:off x="985838" y="1960079"/>
            <a:ext cx="10220325" cy="3937484"/>
          </a:xfrm>
        </p:spPr>
        <p:txBody>
          <a:bodyPr/>
          <a:lstStyle>
            <a:lvl1pPr marL="0" indent="0">
              <a:buFont typeface="Calibri" panose="020F0502020204030204" pitchFamily="34" charset="0"/>
              <a:buChar char="​"/>
              <a:defRPr sz="3000">
                <a:solidFill>
                  <a:schemeClr val="tx1"/>
                </a:solidFill>
              </a:defRPr>
            </a:lvl1pPr>
            <a:lvl2pPr>
              <a:defRPr sz="3000">
                <a:solidFill>
                  <a:schemeClr val="tx1"/>
                </a:solidFill>
              </a:defRPr>
            </a:lvl2pPr>
            <a:lvl3pPr>
              <a:defRPr sz="3000">
                <a:solidFill>
                  <a:schemeClr val="tx1"/>
                </a:solidFill>
              </a:defRPr>
            </a:lvl3pPr>
            <a:lvl4pPr>
              <a:defRPr sz="3000">
                <a:solidFill>
                  <a:schemeClr val="tx1"/>
                </a:solidFill>
              </a:defRPr>
            </a:lvl4pPr>
            <a:lvl5pPr>
              <a:defRPr sz="3000">
                <a:solidFill>
                  <a:schemeClr val="tx1"/>
                </a:solidFill>
              </a:defRPr>
            </a:lvl5p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sp>
        <p:nvSpPr>
          <p:cNvPr id="5" name="TextBox 4"/>
          <p:cNvSpPr txBox="1"/>
          <p:nvPr userDrawn="1"/>
        </p:nvSpPr>
        <p:spPr>
          <a:xfrm>
            <a:off x="-1973598" y="340161"/>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a:p>
          <a:p>
            <a:pPr algn="r">
              <a:lnSpc>
                <a:spcPct val="100000"/>
              </a:lnSpc>
            </a:pPr>
            <a:r>
              <a:rPr lang="da-DK" sz="1000" baseline="0" noProof="1">
                <a:solidFill>
                  <a:schemeClr val="tx1">
                    <a:lumMod val="75000"/>
                    <a:lumOff val="25000"/>
                  </a:schemeClr>
                </a:solidFill>
              </a:rPr>
              <a:t>ændr evt. 2. linje til</a:t>
            </a:r>
            <a:endParaRPr lang="da-DK"/>
          </a:p>
          <a:p>
            <a:pPr algn="r">
              <a:lnSpc>
                <a:spcPct val="100000"/>
              </a:lnSpc>
            </a:pPr>
            <a:r>
              <a:rPr lang="da-DK" sz="1000" noProof="1">
                <a:solidFill>
                  <a:schemeClr val="tx1">
                    <a:lumMod val="75000"/>
                    <a:lumOff val="25000"/>
                  </a:schemeClr>
                </a:solidFill>
              </a:rPr>
              <a:t>AU Passata Light</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AD93A9EA-BAD9-47D2-8476-F9398402CD2A}" type="datetime1">
              <a:rPr lang="da-DK" smtClean="0"/>
              <a:t>09-04-2026</a:t>
            </a:fld>
            <a:r>
              <a:rPr lang="da-DK"/>
              <a:t>18-08-2024</a:t>
            </a:r>
          </a:p>
        </p:txBody>
      </p:sp>
      <p:sp>
        <p:nvSpPr>
          <p:cNvPr id="8" name="Footer Placeholder 7" hidden="1"/>
          <p:cNvSpPr>
            <a:spLocks noGrp="1"/>
          </p:cNvSpPr>
          <p:nvPr>
            <p:ph type="ftr" sz="quarter" idx="11"/>
          </p:nvPr>
        </p:nvSpPr>
        <p:spPr>
          <a:xfrm>
            <a:off x="0" y="7020000"/>
            <a:ext cx="0" cy="0"/>
          </a:xfrm>
          <a:prstGeom prst="rect">
            <a:avLst/>
          </a:prstGeom>
        </p:spPr>
        <p:txBody>
          <a:bodyPr/>
          <a:lstStyle/>
          <a:p>
            <a:endParaRPr lang="da-DK"/>
          </a:p>
        </p:txBody>
      </p:sp>
    </p:spTree>
    <p:extLst>
      <p:ext uri="{BB962C8B-B14F-4D97-AF65-F5344CB8AC3E}">
        <p14:creationId xmlns:p14="http://schemas.microsoft.com/office/powerpoint/2010/main" val="2555391209"/>
      </p:ext>
    </p:extLst>
  </p:cSld>
  <p:clrMapOvr>
    <a:masterClrMapping/>
  </p:clrMapOvr>
  <p:transition spd="slow">
    <p:fade/>
  </p:transition>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userDrawn="1">
  <p:cSld name="Titeldias">
    <p:spTree>
      <p:nvGrpSpPr>
        <p:cNvPr id="1" name=""/>
        <p:cNvGrpSpPr/>
        <p:nvPr/>
      </p:nvGrpSpPr>
      <p:grpSpPr>
        <a:xfrm>
          <a:off x="0" y="0"/>
          <a:ext cx="0" cy="0"/>
          <a:chOff x="0" y="0"/>
          <a:chExt cx="0" cy="0"/>
        </a:xfrm>
      </p:grpSpPr>
      <p:pic>
        <p:nvPicPr>
          <p:cNvPr id="54" name="Farvet baggrund"/>
          <p:cNvPicPr preferRelativeResize="0">
            <a:picLocks/>
          </p:cNvPicPr>
          <p:nvPr userDrawn="1"/>
        </p:nvPicPr>
        <p:blipFill>
          <a:blip r:embed="rId2">
            <a:extLst>
              <a:ext uri="{28A0092B-C50C-407E-A947-70E740481C1C}">
                <a14:useLocalDpi xmlns:a14="http://schemas.microsoft.com/office/drawing/2010/main" val="0"/>
              </a:ext>
            </a:extLst>
          </a:blip>
          <a:stretch>
            <a:fillRect/>
          </a:stretch>
        </p:blipFill>
        <p:spPr>
          <a:xfrm>
            <a:off x="0" y="0"/>
            <a:ext cx="12188825" cy="6858000"/>
          </a:xfrm>
          <a:prstGeom prst="rect">
            <a:avLst/>
          </a:prstGeom>
          <a:solidFill>
            <a:schemeClr val="tx2"/>
          </a:solidFill>
        </p:spPr>
      </p:pic>
      <p:sp>
        <p:nvSpPr>
          <p:cNvPr id="34819" name="Title 1"/>
          <p:cNvSpPr>
            <a:spLocks noGrp="1" noChangeArrowheads="1"/>
          </p:cNvSpPr>
          <p:nvPr>
            <p:ph type="ctrTitle"/>
          </p:nvPr>
        </p:nvSpPr>
        <p:spPr>
          <a:xfrm>
            <a:off x="985838" y="2482343"/>
            <a:ext cx="10220325" cy="1661993"/>
          </a:xfrm>
        </p:spPr>
        <p:txBody>
          <a:bodyPr wrap="square" anchor="ctr" anchorCtr="0">
            <a:sp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15" name="TextBox 14"/>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33"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5"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bg1"/>
              </a:solidFill>
              <a:latin typeface="+mn-lt"/>
            </a:endParaRPr>
          </a:p>
        </p:txBody>
      </p:sp>
      <p:sp>
        <p:nvSpPr>
          <p:cNvPr id="39"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pic>
        <p:nvPicPr>
          <p:cNvPr id="16" name="Au logo"/>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sp>
        <p:nvSpPr>
          <p:cNvPr id="17"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4" name="Slide Number Placeholder 3"/>
          <p:cNvSpPr>
            <a:spLocks noGrp="1"/>
          </p:cNvSpPr>
          <p:nvPr>
            <p:ph type="sldNum" sz="quarter" idx="12"/>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003C8807-2890-4489-9301-D8D290198B3A}" type="datetime1">
              <a:rPr lang="da-DK" smtClean="0"/>
              <a:t>09-04-2026</a:t>
            </a:fld>
            <a:r>
              <a:rPr lang="da-DK"/>
              <a:t>02-05-2025</a:t>
            </a:r>
          </a:p>
        </p:txBody>
      </p:sp>
      <p:sp>
        <p:nvSpPr>
          <p:cNvPr id="3" name="Footer Placeholder 2"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4193998596"/>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showMasterSp="0" preserve="1" userDrawn="1">
  <p:cSld name="Title slide with text">
    <p:spTree>
      <p:nvGrpSpPr>
        <p:cNvPr id="1" name=""/>
        <p:cNvGrpSpPr/>
        <p:nvPr/>
      </p:nvGrpSpPr>
      <p:grpSpPr>
        <a:xfrm>
          <a:off x="0" y="0"/>
          <a:ext cx="0" cy="0"/>
          <a:chOff x="0" y="0"/>
          <a:chExt cx="0" cy="0"/>
        </a:xfrm>
      </p:grpSpPr>
      <p:sp>
        <p:nvSpPr>
          <p:cNvPr id="21"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19" name="White Top Rectangle"/>
          <p:cNvSpPr>
            <a:spLocks noChangeArrowheads="1"/>
          </p:cNvSpPr>
          <p:nvPr userDrawn="1"/>
        </p:nvSpPr>
        <p:spPr bwMode="auto">
          <a:xfrm>
            <a:off x="985838" y="3443622"/>
            <a:ext cx="648000" cy="46800"/>
          </a:xfrm>
          <a:prstGeom prst="rect">
            <a:avLst/>
          </a:prstGeom>
          <a:solidFill>
            <a:schemeClr val="bg1"/>
          </a:solidFill>
          <a:ln w="9525">
            <a:noFill/>
            <a:miter lim="800000"/>
            <a:headEnd/>
            <a:tailEnd/>
          </a:ln>
          <a:effectLst/>
        </p:spPr>
        <p:txBody>
          <a:bodyPr wrap="none" anchor="ctr"/>
          <a:lstStyle/>
          <a:p>
            <a:pPr>
              <a:defRPr/>
            </a:pPr>
            <a:endParaRPr lang="da-DK" sz="4799"/>
          </a:p>
        </p:txBody>
      </p:sp>
      <p:sp>
        <p:nvSpPr>
          <p:cNvPr id="34819" name="Title 1"/>
          <p:cNvSpPr>
            <a:spLocks noGrp="1" noChangeArrowheads="1"/>
          </p:cNvSpPr>
          <p:nvPr>
            <p:ph type="ctrTitle"/>
          </p:nvPr>
        </p:nvSpPr>
        <p:spPr>
          <a:xfrm>
            <a:off x="981844" y="1520315"/>
            <a:ext cx="9543307" cy="1779553"/>
          </a:xfrm>
        </p:spPr>
        <p:txBody>
          <a:bodyPr wrap="square" anchor="b" anchorCtr="0">
            <a:no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4" name="Text Placeholder 3"/>
          <p:cNvSpPr>
            <a:spLocks noGrp="1"/>
          </p:cNvSpPr>
          <p:nvPr>
            <p:ph type="body" sz="quarter" idx="11"/>
          </p:nvPr>
        </p:nvSpPr>
        <p:spPr>
          <a:xfrm>
            <a:off x="985838" y="3715431"/>
            <a:ext cx="7161212" cy="1746085"/>
          </a:xfrm>
        </p:spPr>
        <p:txBody>
          <a:bodyPr/>
          <a:lstStyle>
            <a:lvl1pPr marL="0" indent="0">
              <a:lnSpc>
                <a:spcPct val="101000"/>
              </a:lnSpc>
              <a:buFontTx/>
              <a:buNone/>
              <a:defRPr sz="2700" b="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Click to edit Master text styles</a:t>
            </a:r>
          </a:p>
        </p:txBody>
      </p:sp>
      <p:sp>
        <p:nvSpPr>
          <p:cNvPr id="22" name="TextBox 21"/>
          <p:cNvSpPr txBox="1"/>
          <p:nvPr userDrawn="1"/>
        </p:nvSpPr>
        <p:spPr>
          <a:xfrm>
            <a:off x="-2160355" y="2132856"/>
            <a:ext cx="2012649" cy="738664"/>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bold</a:t>
            </a:r>
            <a:endParaRPr lang="da-DK" sz="4799"/>
          </a:p>
        </p:txBody>
      </p:sp>
      <p:sp>
        <p:nvSpPr>
          <p:cNvPr id="38"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43"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sp>
        <p:nvSpPr>
          <p:cNvPr id="39"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2. maj 2025</a:t>
            </a:r>
          </a:p>
        </p:txBody>
      </p:sp>
      <p:sp>
        <p:nvSpPr>
          <p:cNvPr id="41"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Specialkonsulent </a:t>
            </a:r>
          </a:p>
        </p:txBody>
      </p:sp>
      <p:sp>
        <p:nvSpPr>
          <p:cNvPr id="40"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bg1"/>
              </a:solidFill>
              <a:latin typeface="+mn-lt"/>
            </a:endParaRPr>
          </a:p>
        </p:txBody>
      </p:sp>
      <p:sp>
        <p:nvSpPr>
          <p:cNvPr id="42"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Laura Mikkelse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streg"/>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16"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5" name="Slide Number Placeholder 4"/>
          <p:cNvSpPr>
            <a:spLocks noGrp="1"/>
          </p:cNvSpPr>
          <p:nvPr>
            <p:ph type="sldNum" sz="quarter" idx="14"/>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2"/>
          </p:nvPr>
        </p:nvSpPr>
        <p:spPr/>
        <p:txBody>
          <a:bodyPr/>
          <a:lstStyle/>
          <a:p>
            <a:fld id="{AE3147D9-9259-456E-A9B8-299AF0E05330}" type="datetime1">
              <a:rPr lang="da-DK" smtClean="0"/>
              <a:t>09-04-2026</a:t>
            </a:fld>
            <a:r>
              <a:rPr lang="da-DK"/>
              <a:t>02-05-2025</a:t>
            </a:r>
          </a:p>
        </p:txBody>
      </p:sp>
      <p:sp>
        <p:nvSpPr>
          <p:cNvPr id="3" name="Footer Placeholder 2"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2843668582"/>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Title slide no picture">
    <p:spTree>
      <p:nvGrpSpPr>
        <p:cNvPr id="1" name=""/>
        <p:cNvGrpSpPr/>
        <p:nvPr/>
      </p:nvGrpSpPr>
      <p:grpSpPr>
        <a:xfrm>
          <a:off x="0" y="0"/>
          <a:ext cx="0" cy="0"/>
          <a:chOff x="0" y="0"/>
          <a:chExt cx="0" cy="0"/>
        </a:xfrm>
      </p:grpSpPr>
      <p:sp>
        <p:nvSpPr>
          <p:cNvPr id="22"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34819" name="Title 1"/>
          <p:cNvSpPr>
            <a:spLocks noGrp="1" noChangeArrowheads="1"/>
          </p:cNvSpPr>
          <p:nvPr>
            <p:ph type="ctrTitle"/>
          </p:nvPr>
        </p:nvSpPr>
        <p:spPr>
          <a:xfrm>
            <a:off x="985838" y="2482343"/>
            <a:ext cx="10220325" cy="1661993"/>
          </a:xfrm>
        </p:spPr>
        <p:txBody>
          <a:bodyPr wrap="square" anchor="ctr" anchorCtr="0">
            <a:sp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14" name="TextBox 13"/>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25"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30"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bg1"/>
              </a:solidFill>
              <a:effectLst/>
              <a:latin typeface="AU Passata" pitchFamily="34" charset="0"/>
            </a:endParaRPr>
          </a:p>
        </p:txBody>
      </p:sp>
      <p:sp>
        <p:nvSpPr>
          <p:cNvPr id="26" name="Date_DateCustomA"/>
          <p:cNvSpPr txBox="1">
            <a:spLocks noChangeArrowheads="1"/>
          </p:cNvSpPr>
          <p:nvPr userDrawn="1"/>
        </p:nvSpPr>
        <p:spPr bwMode="auto">
          <a:xfrm>
            <a:off x="3691333" y="5997600"/>
            <a:ext cx="2271840" cy="582176"/>
          </a:xfrm>
          <a:prstGeom prst="rect">
            <a:avLst/>
          </a:prstGeom>
          <a:noFill/>
          <a:ln w="1778" algn="ctr">
            <a:noFill/>
            <a:miter lim="800000"/>
            <a:headEnd/>
            <a:tailEnd/>
          </a:ln>
          <a:effectLst/>
        </p:spPr>
        <p:txBody>
          <a:bodyPr wrap="square" lIns="0" tIns="475200" rIns="0" bIns="0" anchor="t" anchorCtr="0">
            <a:spAutoFit/>
          </a:bodyPr>
          <a:lstStyle/>
          <a:p>
            <a:pPr algn="r">
              <a:lnSpc>
                <a:spcPct val="95000"/>
              </a:lnSpc>
              <a:defRPr/>
            </a:pPr>
            <a:r>
              <a:rPr lang="da-DK" sz="700" b="0" cap="all" baseline="0">
                <a:solidFill>
                  <a:schemeClr val="bg1"/>
                </a:solidFill>
                <a:latin typeface="+mn-lt"/>
              </a:rPr>
              <a:t>2. maj 2025</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r>
              <a:rPr lang="da-DK" sz="700" b="0" cap="all" baseline="0">
                <a:solidFill>
                  <a:schemeClr val="bg1"/>
                </a:solidFill>
                <a:latin typeface="+mn-lt"/>
              </a:rPr>
              <a:t>Specialkonsulent </a:t>
            </a:r>
          </a:p>
        </p:txBody>
      </p:sp>
      <p:sp>
        <p:nvSpPr>
          <p:cNvPr id="27"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bg1"/>
              </a:solidFill>
              <a:latin typeface="+mn-lt"/>
            </a:endParaRP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r>
              <a:rPr lang="da-DK" sz="700" b="0" cap="all" baseline="0">
                <a:solidFill>
                  <a:schemeClr val="bg1"/>
                </a:solidFill>
                <a:latin typeface="+mn-lt"/>
              </a:rPr>
              <a:t>Laura Mikkelsen</a:t>
            </a:r>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15" name="SecondaryLogo"/>
          <p:cNvSpPr>
            <a:spLocks noChangeArrowheads="1"/>
          </p:cNvSpPr>
          <p:nvPr userDrawn="1"/>
        </p:nvSpPr>
        <p:spPr bwMode="auto">
          <a:xfrm>
            <a:off x="10206113"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4" name="Slide Number Placeholder 3"/>
          <p:cNvSpPr>
            <a:spLocks noGrp="1"/>
          </p:cNvSpPr>
          <p:nvPr>
            <p:ph type="sldNum" sz="quarter" idx="12"/>
          </p:nvPr>
        </p:nvSpPr>
        <p:spPr>
          <a:xfrm>
            <a:off x="11807992" y="6581497"/>
            <a:ext cx="252000" cy="153888"/>
          </a:xfrm>
        </p:spPr>
        <p:txBody>
          <a:bodyPr/>
          <a:lstStyle>
            <a:lvl1pPr>
              <a:defRPr>
                <a:solidFill>
                  <a:schemeClr val="bg1"/>
                </a:solidFill>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10"/>
          </p:nvPr>
        </p:nvSpPr>
        <p:spPr/>
        <p:txBody>
          <a:bodyPr/>
          <a:lstStyle/>
          <a:p>
            <a:fld id="{EDE838AB-BF79-4DB7-9E5D-C2129BB5853D}" type="datetime1">
              <a:rPr lang="da-DK" smtClean="0"/>
              <a:t>09-04-2026</a:t>
            </a:fld>
            <a:r>
              <a:rPr lang="da-DK"/>
              <a:t>02-05-2025</a:t>
            </a:r>
          </a:p>
        </p:txBody>
      </p:sp>
      <p:sp>
        <p:nvSpPr>
          <p:cNvPr id="3" name="Footer Placeholder 2"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2707695058"/>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Titel og indholdsobjekt">
    <p:spTree>
      <p:nvGrpSpPr>
        <p:cNvPr id="1" name=""/>
        <p:cNvGrpSpPr/>
        <p:nvPr/>
      </p:nvGrpSpPr>
      <p:grpSpPr>
        <a:xfrm>
          <a:off x="0" y="0"/>
          <a:ext cx="0" cy="0"/>
          <a:chOff x="0" y="0"/>
          <a:chExt cx="0" cy="0"/>
        </a:xfrm>
      </p:grpSpPr>
      <p:sp>
        <p:nvSpPr>
          <p:cNvPr id="6" name="Title 1"/>
          <p:cNvSpPr>
            <a:spLocks noGrp="1"/>
          </p:cNvSpPr>
          <p:nvPr>
            <p:ph type="title"/>
          </p:nvPr>
        </p:nvSpPr>
        <p:spPr/>
        <p:txBody>
          <a:bodyPr/>
          <a:lstStyle/>
          <a:p>
            <a:r>
              <a:rPr lang="da-DK"/>
              <a:t>Click to edit Master title style</a:t>
            </a:r>
          </a:p>
        </p:txBody>
      </p:sp>
      <p:sp>
        <p:nvSpPr>
          <p:cNvPr id="3" name="Content Placeholder 2"/>
          <p:cNvSpPr>
            <a:spLocks noGrp="1"/>
          </p:cNvSpPr>
          <p:nvPr>
            <p:ph idx="1"/>
          </p:nvPr>
        </p:nvSpPr>
        <p:spPr>
          <a:xfrm>
            <a:off x="985838" y="1960079"/>
            <a:ext cx="10220325" cy="393748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5" name="TextBox 4"/>
          <p:cNvSpPr txBox="1"/>
          <p:nvPr userDrawn="1"/>
        </p:nvSpPr>
        <p:spPr>
          <a:xfrm>
            <a:off x="-1973598" y="340161"/>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a:p>
          <a:p>
            <a:pPr algn="r">
              <a:lnSpc>
                <a:spcPct val="100000"/>
              </a:lnSpc>
            </a:pPr>
            <a:r>
              <a:rPr lang="da-DK" sz="1000" baseline="0" noProof="1">
                <a:solidFill>
                  <a:schemeClr val="tx1">
                    <a:lumMod val="75000"/>
                    <a:lumOff val="25000"/>
                  </a:schemeClr>
                </a:solidFill>
              </a:rPr>
              <a:t>ændr 2. linje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CFD93ABD-E9C7-422D-913D-401530EE821C}" type="datetime1">
              <a:rPr lang="da-DK" smtClean="0"/>
              <a:t>09-04-2026</a:t>
            </a:fld>
            <a:r>
              <a:rPr lang="da-DK"/>
              <a:t>02-05-2025</a:t>
            </a:r>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1078405714"/>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One line title and bullet text">
    <p:spTree>
      <p:nvGrpSpPr>
        <p:cNvPr id="1" name=""/>
        <p:cNvGrpSpPr/>
        <p:nvPr/>
      </p:nvGrpSpPr>
      <p:grpSpPr>
        <a:xfrm>
          <a:off x="0" y="0"/>
          <a:ext cx="0" cy="0"/>
          <a:chOff x="0" y="0"/>
          <a:chExt cx="0" cy="0"/>
        </a:xfrm>
      </p:grpSpPr>
      <p:sp>
        <p:nvSpPr>
          <p:cNvPr id="5" name="Hvid baggrund"/>
          <p:cNvSpPr/>
          <p:nvPr userDrawn="1"/>
        </p:nvSpPr>
        <p:spPr bwMode="auto">
          <a:xfrm>
            <a:off x="0" y="-1"/>
            <a:ext cx="12193200" cy="5894387"/>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6" name="Black Rectangle"/>
          <p:cNvSpPr/>
          <p:nvPr userDrawn="1"/>
        </p:nvSpPr>
        <p:spPr>
          <a:xfrm>
            <a:off x="990000" y="1045684"/>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4" name="Title 1"/>
          <p:cNvSpPr>
            <a:spLocks noGrp="1"/>
          </p:cNvSpPr>
          <p:nvPr>
            <p:ph type="title"/>
          </p:nvPr>
        </p:nvSpPr>
        <p:spPr>
          <a:xfrm>
            <a:off x="315913" y="228627"/>
            <a:ext cx="11556000" cy="752101"/>
          </a:xfrm>
        </p:spPr>
        <p:txBody>
          <a:bodyPr anchor="t" anchorCtr="0"/>
          <a:lstStyle/>
          <a:p>
            <a:r>
              <a:rPr lang="da-DK"/>
              <a:t>Click to edit Master title style</a:t>
            </a:r>
          </a:p>
        </p:txBody>
      </p:sp>
      <p:sp>
        <p:nvSpPr>
          <p:cNvPr id="3" name="Content Placeholder 2"/>
          <p:cNvSpPr>
            <a:spLocks noGrp="1"/>
          </p:cNvSpPr>
          <p:nvPr>
            <p:ph idx="1"/>
          </p:nvPr>
        </p:nvSpPr>
        <p:spPr>
          <a:xfrm>
            <a:off x="985838" y="1373021"/>
            <a:ext cx="10220325" cy="4521366"/>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18" name="TextBox 17"/>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9" name="Slide Number Placeholder 8"/>
          <p:cNvSpPr>
            <a:spLocks noGrp="1"/>
          </p:cNvSpPr>
          <p:nvPr>
            <p:ph type="sldNum" sz="quarter" idx="12"/>
          </p:nvPr>
        </p:nvSpPr>
        <p:spPr>
          <a:xfrm>
            <a:off x="11807992" y="6581497"/>
            <a:ext cx="252000" cy="153888"/>
          </a:xfrm>
        </p:spPr>
        <p:txBody>
          <a:bodyPr/>
          <a:lstStyle/>
          <a:p>
            <a:pPr>
              <a:defRPr/>
            </a:pPr>
            <a:fld id="{E90C1E0A-682D-40DC-B1EA-26C007FDC330}" type="slidenum">
              <a:rPr lang="da-DK" smtClean="0"/>
              <a:pPr>
                <a:defRPr/>
              </a:pPr>
              <a:t>‹#›</a:t>
            </a:fld>
            <a:endParaRPr lang="da-DK"/>
          </a:p>
        </p:txBody>
      </p:sp>
      <p:sp>
        <p:nvSpPr>
          <p:cNvPr id="7" name="Date Placeholder 6" hidden="1"/>
          <p:cNvSpPr>
            <a:spLocks noGrp="1"/>
          </p:cNvSpPr>
          <p:nvPr>
            <p:ph type="dt" sz="half" idx="10"/>
          </p:nvPr>
        </p:nvSpPr>
        <p:spPr/>
        <p:txBody>
          <a:bodyPr/>
          <a:lstStyle/>
          <a:p>
            <a:fld id="{4AC1E553-67BE-48E1-A8FA-AD82509653EC}" type="datetime1">
              <a:rPr lang="da-DK" smtClean="0"/>
              <a:t>09-04-2026</a:t>
            </a:fld>
            <a:r>
              <a:rPr lang="da-DK"/>
              <a:t>02-05-2025</a:t>
            </a:r>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2003112421"/>
      </p:ext>
    </p:extLst>
  </p:cSld>
  <p:clrMapOvr>
    <a:masterClrMapping/>
  </p:clrMapOvr>
  <p:extLst>
    <p:ext uri="{DCECCB84-F9BA-43D5-87BE-67443E8EF086}">
      <p15:sldGuideLst xmlns:p15="http://schemas.microsoft.com/office/powerpoint/2012/main">
        <p15:guide id="1" orient="horz" pos="865">
          <p15:clr>
            <a:srgbClr val="000000"/>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4.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3.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2.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image" Target="../media/image1.emf"/></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8.xml"/><Relationship Id="rId13" Type="http://schemas.openxmlformats.org/officeDocument/2006/relationships/slideLayout" Target="../slideLayouts/slideLayout33.xml"/><Relationship Id="rId18" Type="http://schemas.openxmlformats.org/officeDocument/2006/relationships/slideLayout" Target="../slideLayouts/slideLayout38.xml"/><Relationship Id="rId3" Type="http://schemas.openxmlformats.org/officeDocument/2006/relationships/slideLayout" Target="../slideLayouts/slideLayout23.xml"/><Relationship Id="rId21" Type="http://schemas.openxmlformats.org/officeDocument/2006/relationships/slideLayout" Target="../slideLayouts/slideLayout41.xml"/><Relationship Id="rId7" Type="http://schemas.openxmlformats.org/officeDocument/2006/relationships/slideLayout" Target="../slideLayouts/slideLayout27.xml"/><Relationship Id="rId12" Type="http://schemas.openxmlformats.org/officeDocument/2006/relationships/slideLayout" Target="../slideLayouts/slideLayout32.xml"/><Relationship Id="rId17" Type="http://schemas.openxmlformats.org/officeDocument/2006/relationships/slideLayout" Target="../slideLayouts/slideLayout37.xml"/><Relationship Id="rId2" Type="http://schemas.openxmlformats.org/officeDocument/2006/relationships/slideLayout" Target="../slideLayouts/slideLayout22.xml"/><Relationship Id="rId16" Type="http://schemas.openxmlformats.org/officeDocument/2006/relationships/slideLayout" Target="../slideLayouts/slideLayout36.xml"/><Relationship Id="rId20" Type="http://schemas.openxmlformats.org/officeDocument/2006/relationships/slideLayout" Target="../slideLayouts/slideLayout40.xml"/><Relationship Id="rId1" Type="http://schemas.openxmlformats.org/officeDocument/2006/relationships/slideLayout" Target="../slideLayouts/slideLayout21.xml"/><Relationship Id="rId6" Type="http://schemas.openxmlformats.org/officeDocument/2006/relationships/slideLayout" Target="../slideLayouts/slideLayout26.xml"/><Relationship Id="rId11" Type="http://schemas.openxmlformats.org/officeDocument/2006/relationships/slideLayout" Target="../slideLayouts/slideLayout31.xml"/><Relationship Id="rId24" Type="http://schemas.openxmlformats.org/officeDocument/2006/relationships/image" Target="../media/image1.emf"/><Relationship Id="rId5" Type="http://schemas.openxmlformats.org/officeDocument/2006/relationships/slideLayout" Target="../slideLayouts/slideLayout25.xml"/><Relationship Id="rId15" Type="http://schemas.openxmlformats.org/officeDocument/2006/relationships/slideLayout" Target="../slideLayouts/slideLayout35.xml"/><Relationship Id="rId23" Type="http://schemas.openxmlformats.org/officeDocument/2006/relationships/theme" Target="../theme/theme2.xml"/><Relationship Id="rId10" Type="http://schemas.openxmlformats.org/officeDocument/2006/relationships/slideLayout" Target="../slideLayouts/slideLayout30.xml"/><Relationship Id="rId19" Type="http://schemas.openxmlformats.org/officeDocument/2006/relationships/slideLayout" Target="../slideLayouts/slideLayout39.xml"/><Relationship Id="rId4" Type="http://schemas.openxmlformats.org/officeDocument/2006/relationships/slideLayout" Target="../slideLayouts/slideLayout24.xml"/><Relationship Id="rId9" Type="http://schemas.openxmlformats.org/officeDocument/2006/relationships/slideLayout" Target="../slideLayouts/slideLayout29.xml"/><Relationship Id="rId14" Type="http://schemas.openxmlformats.org/officeDocument/2006/relationships/slideLayout" Target="../slideLayouts/slideLayout34.xml"/><Relationship Id="rId22" Type="http://schemas.openxmlformats.org/officeDocument/2006/relationships/slideLayout" Target="../slideLayouts/slideLayout42.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55.xml"/><Relationship Id="rId18" Type="http://schemas.openxmlformats.org/officeDocument/2006/relationships/slideLayout" Target="../slideLayouts/slideLayout60.xml"/><Relationship Id="rId26" Type="http://schemas.openxmlformats.org/officeDocument/2006/relationships/slideLayout" Target="../slideLayouts/slideLayout68.xml"/><Relationship Id="rId3" Type="http://schemas.openxmlformats.org/officeDocument/2006/relationships/slideLayout" Target="../slideLayouts/slideLayout45.xml"/><Relationship Id="rId21" Type="http://schemas.openxmlformats.org/officeDocument/2006/relationships/slideLayout" Target="../slideLayouts/slideLayout63.xml"/><Relationship Id="rId7" Type="http://schemas.openxmlformats.org/officeDocument/2006/relationships/slideLayout" Target="../slideLayouts/slideLayout49.xml"/><Relationship Id="rId12" Type="http://schemas.openxmlformats.org/officeDocument/2006/relationships/slideLayout" Target="../slideLayouts/slideLayout54.xml"/><Relationship Id="rId17" Type="http://schemas.openxmlformats.org/officeDocument/2006/relationships/slideLayout" Target="../slideLayouts/slideLayout59.xml"/><Relationship Id="rId25" Type="http://schemas.openxmlformats.org/officeDocument/2006/relationships/slideLayout" Target="../slideLayouts/slideLayout67.xml"/><Relationship Id="rId33" Type="http://schemas.openxmlformats.org/officeDocument/2006/relationships/image" Target="../media/image1.emf"/><Relationship Id="rId2" Type="http://schemas.openxmlformats.org/officeDocument/2006/relationships/slideLayout" Target="../slideLayouts/slideLayout44.xml"/><Relationship Id="rId16" Type="http://schemas.openxmlformats.org/officeDocument/2006/relationships/slideLayout" Target="../slideLayouts/slideLayout58.xml"/><Relationship Id="rId20" Type="http://schemas.openxmlformats.org/officeDocument/2006/relationships/slideLayout" Target="../slideLayouts/slideLayout62.xml"/><Relationship Id="rId29" Type="http://schemas.openxmlformats.org/officeDocument/2006/relationships/slideLayout" Target="../slideLayouts/slideLayout71.xml"/><Relationship Id="rId1" Type="http://schemas.openxmlformats.org/officeDocument/2006/relationships/slideLayout" Target="../slideLayouts/slideLayout43.xml"/><Relationship Id="rId6" Type="http://schemas.openxmlformats.org/officeDocument/2006/relationships/slideLayout" Target="../slideLayouts/slideLayout48.xml"/><Relationship Id="rId11" Type="http://schemas.openxmlformats.org/officeDocument/2006/relationships/slideLayout" Target="../slideLayouts/slideLayout53.xml"/><Relationship Id="rId24" Type="http://schemas.openxmlformats.org/officeDocument/2006/relationships/slideLayout" Target="../slideLayouts/slideLayout66.xml"/><Relationship Id="rId32" Type="http://schemas.openxmlformats.org/officeDocument/2006/relationships/theme" Target="../theme/theme3.xml"/><Relationship Id="rId5" Type="http://schemas.openxmlformats.org/officeDocument/2006/relationships/slideLayout" Target="../slideLayouts/slideLayout47.xml"/><Relationship Id="rId15" Type="http://schemas.openxmlformats.org/officeDocument/2006/relationships/slideLayout" Target="../slideLayouts/slideLayout57.xml"/><Relationship Id="rId23" Type="http://schemas.openxmlformats.org/officeDocument/2006/relationships/slideLayout" Target="../slideLayouts/slideLayout65.xml"/><Relationship Id="rId28" Type="http://schemas.openxmlformats.org/officeDocument/2006/relationships/slideLayout" Target="../slideLayouts/slideLayout70.xml"/><Relationship Id="rId10" Type="http://schemas.openxmlformats.org/officeDocument/2006/relationships/slideLayout" Target="../slideLayouts/slideLayout52.xml"/><Relationship Id="rId19" Type="http://schemas.openxmlformats.org/officeDocument/2006/relationships/slideLayout" Target="../slideLayouts/slideLayout61.xml"/><Relationship Id="rId31" Type="http://schemas.openxmlformats.org/officeDocument/2006/relationships/slideLayout" Target="../slideLayouts/slideLayout73.xml"/><Relationship Id="rId4" Type="http://schemas.openxmlformats.org/officeDocument/2006/relationships/slideLayout" Target="../slideLayouts/slideLayout46.xml"/><Relationship Id="rId9" Type="http://schemas.openxmlformats.org/officeDocument/2006/relationships/slideLayout" Target="../slideLayouts/slideLayout51.xml"/><Relationship Id="rId14" Type="http://schemas.openxmlformats.org/officeDocument/2006/relationships/slideLayout" Target="../slideLayouts/slideLayout56.xml"/><Relationship Id="rId22" Type="http://schemas.openxmlformats.org/officeDocument/2006/relationships/slideLayout" Target="../slideLayouts/slideLayout64.xml"/><Relationship Id="rId27" Type="http://schemas.openxmlformats.org/officeDocument/2006/relationships/slideLayout" Target="../slideLayouts/slideLayout69.xml"/><Relationship Id="rId30" Type="http://schemas.openxmlformats.org/officeDocument/2006/relationships/slideLayout" Target="../slideLayouts/slideLayout72.xml"/><Relationship Id="rId8" Type="http://schemas.openxmlformats.org/officeDocument/2006/relationships/slideLayout" Target="../slideLayouts/slideLayout50.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81.xml"/><Relationship Id="rId13" Type="http://schemas.openxmlformats.org/officeDocument/2006/relationships/slideLayout" Target="../slideLayouts/slideLayout86.xml"/><Relationship Id="rId18" Type="http://schemas.openxmlformats.org/officeDocument/2006/relationships/slideLayout" Target="../slideLayouts/slideLayout91.xml"/><Relationship Id="rId3" Type="http://schemas.openxmlformats.org/officeDocument/2006/relationships/slideLayout" Target="../slideLayouts/slideLayout76.xml"/><Relationship Id="rId21" Type="http://schemas.openxmlformats.org/officeDocument/2006/relationships/slideLayout" Target="../slideLayouts/slideLayout94.xml"/><Relationship Id="rId7" Type="http://schemas.openxmlformats.org/officeDocument/2006/relationships/slideLayout" Target="../slideLayouts/slideLayout80.xml"/><Relationship Id="rId12" Type="http://schemas.openxmlformats.org/officeDocument/2006/relationships/slideLayout" Target="../slideLayouts/slideLayout85.xml"/><Relationship Id="rId17" Type="http://schemas.openxmlformats.org/officeDocument/2006/relationships/slideLayout" Target="../slideLayouts/slideLayout90.xml"/><Relationship Id="rId2" Type="http://schemas.openxmlformats.org/officeDocument/2006/relationships/slideLayout" Target="../slideLayouts/slideLayout75.xml"/><Relationship Id="rId16" Type="http://schemas.openxmlformats.org/officeDocument/2006/relationships/slideLayout" Target="../slideLayouts/slideLayout89.xml"/><Relationship Id="rId20" Type="http://schemas.openxmlformats.org/officeDocument/2006/relationships/slideLayout" Target="../slideLayouts/slideLayout93.xml"/><Relationship Id="rId1" Type="http://schemas.openxmlformats.org/officeDocument/2006/relationships/slideLayout" Target="../slideLayouts/slideLayout74.xml"/><Relationship Id="rId6" Type="http://schemas.openxmlformats.org/officeDocument/2006/relationships/slideLayout" Target="../slideLayouts/slideLayout79.xml"/><Relationship Id="rId11" Type="http://schemas.openxmlformats.org/officeDocument/2006/relationships/slideLayout" Target="../slideLayouts/slideLayout84.xml"/><Relationship Id="rId5" Type="http://schemas.openxmlformats.org/officeDocument/2006/relationships/slideLayout" Target="../slideLayouts/slideLayout78.xml"/><Relationship Id="rId15" Type="http://schemas.openxmlformats.org/officeDocument/2006/relationships/slideLayout" Target="../slideLayouts/slideLayout88.xml"/><Relationship Id="rId23" Type="http://schemas.openxmlformats.org/officeDocument/2006/relationships/image" Target="../media/image1.emf"/><Relationship Id="rId10" Type="http://schemas.openxmlformats.org/officeDocument/2006/relationships/slideLayout" Target="../slideLayouts/slideLayout83.xml"/><Relationship Id="rId19" Type="http://schemas.openxmlformats.org/officeDocument/2006/relationships/slideLayout" Target="../slideLayouts/slideLayout92.xml"/><Relationship Id="rId4" Type="http://schemas.openxmlformats.org/officeDocument/2006/relationships/slideLayout" Target="../slideLayouts/slideLayout77.xml"/><Relationship Id="rId9" Type="http://schemas.openxmlformats.org/officeDocument/2006/relationships/slideLayout" Target="../slideLayouts/slideLayout82.xml"/><Relationship Id="rId14" Type="http://schemas.openxmlformats.org/officeDocument/2006/relationships/slideLayout" Target="../slideLayouts/slideLayout87.xml"/><Relationship Id="rId22" Type="http://schemas.openxmlformats.org/officeDocument/2006/relationships/theme" Target="../theme/theme4.xml"/></Relationships>
</file>

<file path=ppt/slideMasters/_rels/slideMaster5.xml.rels><?xml version="1.0" encoding="UTF-8" standalone="yes"?>
<Relationships xmlns="http://schemas.openxmlformats.org/package/2006/relationships"><Relationship Id="rId8" Type="http://schemas.openxmlformats.org/officeDocument/2006/relationships/slideLayout" Target="../slideLayouts/slideLayout102.xml"/><Relationship Id="rId13" Type="http://schemas.openxmlformats.org/officeDocument/2006/relationships/slideLayout" Target="../slideLayouts/slideLayout107.xml"/><Relationship Id="rId18" Type="http://schemas.openxmlformats.org/officeDocument/2006/relationships/slideLayout" Target="../slideLayouts/slideLayout112.xml"/><Relationship Id="rId3" Type="http://schemas.openxmlformats.org/officeDocument/2006/relationships/slideLayout" Target="../slideLayouts/slideLayout97.xml"/><Relationship Id="rId21" Type="http://schemas.openxmlformats.org/officeDocument/2006/relationships/slideLayout" Target="../slideLayouts/slideLayout115.xml"/><Relationship Id="rId7" Type="http://schemas.openxmlformats.org/officeDocument/2006/relationships/slideLayout" Target="../slideLayouts/slideLayout101.xml"/><Relationship Id="rId12" Type="http://schemas.openxmlformats.org/officeDocument/2006/relationships/slideLayout" Target="../slideLayouts/slideLayout106.xml"/><Relationship Id="rId17" Type="http://schemas.openxmlformats.org/officeDocument/2006/relationships/slideLayout" Target="../slideLayouts/slideLayout111.xml"/><Relationship Id="rId2" Type="http://schemas.openxmlformats.org/officeDocument/2006/relationships/slideLayout" Target="../slideLayouts/slideLayout96.xml"/><Relationship Id="rId16" Type="http://schemas.openxmlformats.org/officeDocument/2006/relationships/slideLayout" Target="../slideLayouts/slideLayout110.xml"/><Relationship Id="rId20" Type="http://schemas.openxmlformats.org/officeDocument/2006/relationships/slideLayout" Target="../slideLayouts/slideLayout114.xml"/><Relationship Id="rId1" Type="http://schemas.openxmlformats.org/officeDocument/2006/relationships/slideLayout" Target="../slideLayouts/slideLayout95.xml"/><Relationship Id="rId6" Type="http://schemas.openxmlformats.org/officeDocument/2006/relationships/slideLayout" Target="../slideLayouts/slideLayout100.xml"/><Relationship Id="rId11" Type="http://schemas.openxmlformats.org/officeDocument/2006/relationships/slideLayout" Target="../slideLayouts/slideLayout105.xml"/><Relationship Id="rId5" Type="http://schemas.openxmlformats.org/officeDocument/2006/relationships/slideLayout" Target="../slideLayouts/slideLayout99.xml"/><Relationship Id="rId15" Type="http://schemas.openxmlformats.org/officeDocument/2006/relationships/slideLayout" Target="../slideLayouts/slideLayout109.xml"/><Relationship Id="rId23" Type="http://schemas.openxmlformats.org/officeDocument/2006/relationships/image" Target="../media/image1.emf"/><Relationship Id="rId10" Type="http://schemas.openxmlformats.org/officeDocument/2006/relationships/slideLayout" Target="../slideLayouts/slideLayout104.xml"/><Relationship Id="rId19" Type="http://schemas.openxmlformats.org/officeDocument/2006/relationships/slideLayout" Target="../slideLayouts/slideLayout113.xml"/><Relationship Id="rId4" Type="http://schemas.openxmlformats.org/officeDocument/2006/relationships/slideLayout" Target="../slideLayouts/slideLayout98.xml"/><Relationship Id="rId9" Type="http://schemas.openxmlformats.org/officeDocument/2006/relationships/slideLayout" Target="../slideLayouts/slideLayout103.xml"/><Relationship Id="rId14" Type="http://schemas.openxmlformats.org/officeDocument/2006/relationships/slideLayout" Target="../slideLayouts/slideLayout108.xml"/><Relationship Id="rId22" Type="http://schemas.openxmlformats.org/officeDocument/2006/relationships/theme" Target="../theme/theme5.xml"/></Relationships>
</file>

<file path=ppt/slideMasters/_rels/slideMaster6.xml.rels><?xml version="1.0" encoding="UTF-8" standalone="yes"?>
<Relationships xmlns="http://schemas.openxmlformats.org/package/2006/relationships"><Relationship Id="rId13" Type="http://schemas.openxmlformats.org/officeDocument/2006/relationships/slideLayout" Target="../slideLayouts/slideLayout128.xml"/><Relationship Id="rId18" Type="http://schemas.openxmlformats.org/officeDocument/2006/relationships/slideLayout" Target="../slideLayouts/slideLayout133.xml"/><Relationship Id="rId26" Type="http://schemas.openxmlformats.org/officeDocument/2006/relationships/slideLayout" Target="../slideLayouts/slideLayout141.xml"/><Relationship Id="rId3" Type="http://schemas.openxmlformats.org/officeDocument/2006/relationships/slideLayout" Target="../slideLayouts/slideLayout118.xml"/><Relationship Id="rId21" Type="http://schemas.openxmlformats.org/officeDocument/2006/relationships/slideLayout" Target="../slideLayouts/slideLayout136.xml"/><Relationship Id="rId7" Type="http://schemas.openxmlformats.org/officeDocument/2006/relationships/slideLayout" Target="../slideLayouts/slideLayout122.xml"/><Relationship Id="rId12" Type="http://schemas.openxmlformats.org/officeDocument/2006/relationships/slideLayout" Target="../slideLayouts/slideLayout127.xml"/><Relationship Id="rId17" Type="http://schemas.openxmlformats.org/officeDocument/2006/relationships/slideLayout" Target="../slideLayouts/slideLayout132.xml"/><Relationship Id="rId25" Type="http://schemas.openxmlformats.org/officeDocument/2006/relationships/slideLayout" Target="../slideLayouts/slideLayout140.xml"/><Relationship Id="rId33" Type="http://schemas.openxmlformats.org/officeDocument/2006/relationships/image" Target="../media/image1.emf"/><Relationship Id="rId2" Type="http://schemas.openxmlformats.org/officeDocument/2006/relationships/slideLayout" Target="../slideLayouts/slideLayout117.xml"/><Relationship Id="rId16" Type="http://schemas.openxmlformats.org/officeDocument/2006/relationships/slideLayout" Target="../slideLayouts/slideLayout131.xml"/><Relationship Id="rId20" Type="http://schemas.openxmlformats.org/officeDocument/2006/relationships/slideLayout" Target="../slideLayouts/slideLayout135.xml"/><Relationship Id="rId29" Type="http://schemas.openxmlformats.org/officeDocument/2006/relationships/slideLayout" Target="../slideLayouts/slideLayout144.xml"/><Relationship Id="rId1" Type="http://schemas.openxmlformats.org/officeDocument/2006/relationships/slideLayout" Target="../slideLayouts/slideLayout116.xml"/><Relationship Id="rId6" Type="http://schemas.openxmlformats.org/officeDocument/2006/relationships/slideLayout" Target="../slideLayouts/slideLayout121.xml"/><Relationship Id="rId11" Type="http://schemas.openxmlformats.org/officeDocument/2006/relationships/slideLayout" Target="../slideLayouts/slideLayout126.xml"/><Relationship Id="rId24" Type="http://schemas.openxmlformats.org/officeDocument/2006/relationships/slideLayout" Target="../slideLayouts/slideLayout139.xml"/><Relationship Id="rId32" Type="http://schemas.openxmlformats.org/officeDocument/2006/relationships/theme" Target="../theme/theme6.xml"/><Relationship Id="rId5" Type="http://schemas.openxmlformats.org/officeDocument/2006/relationships/slideLayout" Target="../slideLayouts/slideLayout120.xml"/><Relationship Id="rId15" Type="http://schemas.openxmlformats.org/officeDocument/2006/relationships/slideLayout" Target="../slideLayouts/slideLayout130.xml"/><Relationship Id="rId23" Type="http://schemas.openxmlformats.org/officeDocument/2006/relationships/slideLayout" Target="../slideLayouts/slideLayout138.xml"/><Relationship Id="rId28" Type="http://schemas.openxmlformats.org/officeDocument/2006/relationships/slideLayout" Target="../slideLayouts/slideLayout143.xml"/><Relationship Id="rId10" Type="http://schemas.openxmlformats.org/officeDocument/2006/relationships/slideLayout" Target="../slideLayouts/slideLayout125.xml"/><Relationship Id="rId19" Type="http://schemas.openxmlformats.org/officeDocument/2006/relationships/slideLayout" Target="../slideLayouts/slideLayout134.xml"/><Relationship Id="rId31" Type="http://schemas.openxmlformats.org/officeDocument/2006/relationships/slideLayout" Target="../slideLayouts/slideLayout146.xml"/><Relationship Id="rId4" Type="http://schemas.openxmlformats.org/officeDocument/2006/relationships/slideLayout" Target="../slideLayouts/slideLayout119.xml"/><Relationship Id="rId9" Type="http://schemas.openxmlformats.org/officeDocument/2006/relationships/slideLayout" Target="../slideLayouts/slideLayout124.xml"/><Relationship Id="rId14" Type="http://schemas.openxmlformats.org/officeDocument/2006/relationships/slideLayout" Target="../slideLayouts/slideLayout129.xml"/><Relationship Id="rId22" Type="http://schemas.openxmlformats.org/officeDocument/2006/relationships/slideLayout" Target="../slideLayouts/slideLayout137.xml"/><Relationship Id="rId27" Type="http://schemas.openxmlformats.org/officeDocument/2006/relationships/slideLayout" Target="../slideLayouts/slideLayout142.xml"/><Relationship Id="rId30" Type="http://schemas.openxmlformats.org/officeDocument/2006/relationships/slideLayout" Target="../slideLayouts/slideLayout145.xml"/><Relationship Id="rId8" Type="http://schemas.openxmlformats.org/officeDocument/2006/relationships/slideLayout" Target="../slideLayouts/slideLayout123.xml"/></Relationships>
</file>

<file path=ppt/slideMasters/_rels/slideMaster7.xml.rels><?xml version="1.0" encoding="UTF-8" standalone="yes"?>
<Relationships xmlns="http://schemas.openxmlformats.org/package/2006/relationships"><Relationship Id="rId13" Type="http://schemas.openxmlformats.org/officeDocument/2006/relationships/slideLayout" Target="../slideLayouts/slideLayout159.xml"/><Relationship Id="rId18" Type="http://schemas.openxmlformats.org/officeDocument/2006/relationships/slideLayout" Target="../slideLayouts/slideLayout164.xml"/><Relationship Id="rId26" Type="http://schemas.openxmlformats.org/officeDocument/2006/relationships/slideLayout" Target="../slideLayouts/slideLayout172.xml"/><Relationship Id="rId3" Type="http://schemas.openxmlformats.org/officeDocument/2006/relationships/slideLayout" Target="../slideLayouts/slideLayout149.xml"/><Relationship Id="rId21" Type="http://schemas.openxmlformats.org/officeDocument/2006/relationships/slideLayout" Target="../slideLayouts/slideLayout167.xml"/><Relationship Id="rId34" Type="http://schemas.openxmlformats.org/officeDocument/2006/relationships/image" Target="../media/image1.emf"/><Relationship Id="rId7" Type="http://schemas.openxmlformats.org/officeDocument/2006/relationships/slideLayout" Target="../slideLayouts/slideLayout153.xml"/><Relationship Id="rId12" Type="http://schemas.openxmlformats.org/officeDocument/2006/relationships/slideLayout" Target="../slideLayouts/slideLayout158.xml"/><Relationship Id="rId17" Type="http://schemas.openxmlformats.org/officeDocument/2006/relationships/slideLayout" Target="../slideLayouts/slideLayout163.xml"/><Relationship Id="rId25" Type="http://schemas.openxmlformats.org/officeDocument/2006/relationships/slideLayout" Target="../slideLayouts/slideLayout171.xml"/><Relationship Id="rId33" Type="http://schemas.openxmlformats.org/officeDocument/2006/relationships/theme" Target="../theme/theme7.xml"/><Relationship Id="rId2" Type="http://schemas.openxmlformats.org/officeDocument/2006/relationships/slideLayout" Target="../slideLayouts/slideLayout148.xml"/><Relationship Id="rId16" Type="http://schemas.openxmlformats.org/officeDocument/2006/relationships/slideLayout" Target="../slideLayouts/slideLayout162.xml"/><Relationship Id="rId20" Type="http://schemas.openxmlformats.org/officeDocument/2006/relationships/slideLayout" Target="../slideLayouts/slideLayout166.xml"/><Relationship Id="rId29" Type="http://schemas.openxmlformats.org/officeDocument/2006/relationships/slideLayout" Target="../slideLayouts/slideLayout175.xml"/><Relationship Id="rId1" Type="http://schemas.openxmlformats.org/officeDocument/2006/relationships/slideLayout" Target="../slideLayouts/slideLayout147.xml"/><Relationship Id="rId6" Type="http://schemas.openxmlformats.org/officeDocument/2006/relationships/slideLayout" Target="../slideLayouts/slideLayout152.xml"/><Relationship Id="rId11" Type="http://schemas.openxmlformats.org/officeDocument/2006/relationships/slideLayout" Target="../slideLayouts/slideLayout157.xml"/><Relationship Id="rId24" Type="http://schemas.openxmlformats.org/officeDocument/2006/relationships/slideLayout" Target="../slideLayouts/slideLayout170.xml"/><Relationship Id="rId32" Type="http://schemas.openxmlformats.org/officeDocument/2006/relationships/slideLayout" Target="../slideLayouts/slideLayout178.xml"/><Relationship Id="rId5" Type="http://schemas.openxmlformats.org/officeDocument/2006/relationships/slideLayout" Target="../slideLayouts/slideLayout151.xml"/><Relationship Id="rId15" Type="http://schemas.openxmlformats.org/officeDocument/2006/relationships/slideLayout" Target="../slideLayouts/slideLayout161.xml"/><Relationship Id="rId23" Type="http://schemas.openxmlformats.org/officeDocument/2006/relationships/slideLayout" Target="../slideLayouts/slideLayout169.xml"/><Relationship Id="rId28" Type="http://schemas.openxmlformats.org/officeDocument/2006/relationships/slideLayout" Target="../slideLayouts/slideLayout174.xml"/><Relationship Id="rId10" Type="http://schemas.openxmlformats.org/officeDocument/2006/relationships/slideLayout" Target="../slideLayouts/slideLayout156.xml"/><Relationship Id="rId19" Type="http://schemas.openxmlformats.org/officeDocument/2006/relationships/slideLayout" Target="../slideLayouts/slideLayout165.xml"/><Relationship Id="rId31" Type="http://schemas.openxmlformats.org/officeDocument/2006/relationships/slideLayout" Target="../slideLayouts/slideLayout177.xml"/><Relationship Id="rId4" Type="http://schemas.openxmlformats.org/officeDocument/2006/relationships/slideLayout" Target="../slideLayouts/slideLayout150.xml"/><Relationship Id="rId9" Type="http://schemas.openxmlformats.org/officeDocument/2006/relationships/slideLayout" Target="../slideLayouts/slideLayout155.xml"/><Relationship Id="rId14" Type="http://schemas.openxmlformats.org/officeDocument/2006/relationships/slideLayout" Target="../slideLayouts/slideLayout160.xml"/><Relationship Id="rId22" Type="http://schemas.openxmlformats.org/officeDocument/2006/relationships/slideLayout" Target="../slideLayouts/slideLayout168.xml"/><Relationship Id="rId27" Type="http://schemas.openxmlformats.org/officeDocument/2006/relationships/slideLayout" Target="../slideLayouts/slideLayout173.xml"/><Relationship Id="rId30" Type="http://schemas.openxmlformats.org/officeDocument/2006/relationships/slideLayout" Target="../slideLayouts/slideLayout176.xml"/><Relationship Id="rId8" Type="http://schemas.openxmlformats.org/officeDocument/2006/relationships/slideLayout" Target="../slideLayouts/slideLayout15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Date Placeholder 1" hidden="1"/>
          <p:cNvSpPr>
            <a:spLocks noGrp="1" noRot="1" noMove="1" noResize="1" noEditPoints="1" noAdjustHandles="1" noChangeArrowheads="1" noChangeShapeType="1"/>
          </p:cNvSpPr>
          <p:nvPr>
            <p:ph type="dt" sz="half" idx="2"/>
          </p:nvPr>
        </p:nvSpPr>
        <p:spPr>
          <a:xfrm>
            <a:off x="0" y="6858000"/>
            <a:ext cx="0" cy="0"/>
          </a:xfrm>
          <a:prstGeom prst="rect">
            <a:avLst/>
          </a:prstGeom>
        </p:spPr>
        <p:txBody>
          <a:bodyPr vert="horz" lIns="91440" tIns="45720" rIns="91440" bIns="45720" rtlCol="0" anchor="ctr"/>
          <a:lstStyle>
            <a:lvl1pPr algn="l">
              <a:defRPr sz="100">
                <a:noFill/>
              </a:defRPr>
            </a:lvl1pPr>
          </a:lstStyle>
          <a:p>
            <a:fld id="{9E783D98-415F-43F8-9B08-AA93F44AFFE2}" type="datetime1">
              <a:rPr lang="da-DK" smtClean="0"/>
              <a:t>09-04-2026</a:t>
            </a:fld>
            <a:endParaRPr lang="da-DK"/>
          </a:p>
        </p:txBody>
      </p:sp>
      <p:sp>
        <p:nvSpPr>
          <p:cNvPr id="3" name="Footer Placeholder 2" hidden="1"/>
          <p:cNvSpPr>
            <a:spLocks noGrp="1" noRot="1" noMove="1" noResize="1" noEditPoints="1" noAdjustHandles="1" noChangeArrowheads="1" noChangeShapeType="1"/>
          </p:cNvSpPr>
          <p:nvPr>
            <p:ph type="ftr" sz="quarter" idx="3"/>
          </p:nvPr>
        </p:nvSpPr>
        <p:spPr>
          <a:xfrm>
            <a:off x="0" y="6858000"/>
            <a:ext cx="0" cy="0"/>
          </a:xfrm>
          <a:prstGeom prst="rect">
            <a:avLst/>
          </a:prstGeom>
        </p:spPr>
        <p:txBody>
          <a:bodyPr vert="horz" lIns="91440" tIns="45720" rIns="91440" bIns="45720" rtlCol="0" anchor="ctr"/>
          <a:lstStyle>
            <a:lvl1pPr algn="ctr">
              <a:defRPr sz="100">
                <a:noFill/>
              </a:defRPr>
            </a:lvl1pPr>
          </a:lstStyle>
          <a:p>
            <a:endParaRPr lang="da-DK"/>
          </a:p>
        </p:txBody>
      </p:sp>
      <p:pic>
        <p:nvPicPr>
          <p:cNvPr id="7" name="Au logo"/>
          <p:cNvPicPr>
            <a:picLocks noChangeAspect="1"/>
          </p:cNvPicPr>
          <p:nvPr userDrawn="1"/>
        </p:nvPicPr>
        <p:blipFill>
          <a:blip r:embed="rId22" cstate="print">
            <a:extLst>
              <a:ext uri="{28A0092B-C50C-407E-A947-70E740481C1C}">
                <a14:useLocalDpi xmlns:a14="http://schemas.microsoft.com/office/drawing/2010/main" val="0"/>
              </a:ext>
            </a:extLst>
          </a:blip>
          <a:stretch>
            <a:fillRect/>
          </a:stretch>
        </p:blipFill>
        <p:spPr>
          <a:xfrm>
            <a:off x="302400" y="5999002"/>
            <a:ext cx="557570" cy="558000"/>
          </a:xfrm>
          <a:prstGeom prst="rect">
            <a:avLst/>
          </a:prstGeom>
        </p:spPr>
      </p:pic>
      <p:sp>
        <p:nvSpPr>
          <p:cNvPr id="1027" name="Placeholder title 1"/>
          <p:cNvSpPr>
            <a:spLocks noGrp="1" noChangeArrowheads="1"/>
          </p:cNvSpPr>
          <p:nvPr>
            <p:ph type="title"/>
          </p:nvPr>
        </p:nvSpPr>
        <p:spPr bwMode="auto">
          <a:xfrm>
            <a:off x="315913" y="149115"/>
            <a:ext cx="11557000" cy="1309328"/>
          </a:xfrm>
          <a:prstGeom prst="rect">
            <a:avLst/>
          </a:prstGeom>
          <a:noFill/>
          <a:ln w="9525">
            <a:noFill/>
            <a:miter lim="800000"/>
            <a:headEnd/>
            <a:tailEnd/>
          </a:ln>
        </p:spPr>
        <p:txBody>
          <a:bodyPr vert="horz" wrap="square" lIns="0" tIns="0" rIns="0" bIns="0" numCol="1" anchor="b" anchorCtr="0" compatLnSpc="1">
            <a:prstTxWarp prst="textNoShape">
              <a:avLst/>
            </a:prstTxWarp>
          </a:bodyPr>
          <a:lstStyle/>
          <a:p>
            <a:pPr lvl="0"/>
            <a:r>
              <a:rPr lang="da-DK" noProof="0"/>
              <a:t>Click to edit Master title style</a:t>
            </a:r>
            <a:endParaRPr lang="da-DK"/>
          </a:p>
        </p:txBody>
      </p:sp>
      <p:sp>
        <p:nvSpPr>
          <p:cNvPr id="1028" name="Rectangle 2"/>
          <p:cNvSpPr>
            <a:spLocks noGrp="1" noChangeArrowheads="1"/>
          </p:cNvSpPr>
          <p:nvPr>
            <p:ph type="body" idx="1"/>
          </p:nvPr>
        </p:nvSpPr>
        <p:spPr bwMode="auto">
          <a:xfrm>
            <a:off x="985838" y="1960079"/>
            <a:ext cx="10220325" cy="3937484"/>
          </a:xfrm>
          <a:prstGeom prst="rect">
            <a:avLst/>
          </a:prstGeom>
          <a:noFill/>
          <a:ln w="9525">
            <a:noFill/>
            <a:miter lim="800000"/>
            <a:headEnd/>
            <a:tailEnd/>
          </a:ln>
        </p:spPr>
        <p:txBody>
          <a:bodyPr vert="horz" wrap="square" lIns="0" tIns="0" rIns="0" bIns="0" numCol="1" anchor="t" anchorCtr="0" compatLnSpc="1">
            <a:prstTxWarp prst="textNoShape">
              <a:avLst/>
            </a:prstTxWarp>
          </a:bodyPr>
          <a:lstStyle/>
          <a:p>
            <a:pPr lvl="0"/>
            <a:r>
              <a:rPr lang="da-DK" noProof="0"/>
              <a:t>Click to edit Master text styles</a:t>
            </a:r>
            <a:endParaRPr lang="da-DK"/>
          </a:p>
          <a:p>
            <a:pPr lvl="1"/>
            <a:r>
              <a:rPr lang="da-DK" noProof="0"/>
              <a:t>Second level</a:t>
            </a:r>
            <a:endParaRPr lang="da-DK"/>
          </a:p>
          <a:p>
            <a:pPr lvl="2"/>
            <a:r>
              <a:rPr lang="da-DK" noProof="0"/>
              <a:t>Third level</a:t>
            </a:r>
            <a:endParaRPr lang="da-DK"/>
          </a:p>
          <a:p>
            <a:pPr lvl="3"/>
            <a:r>
              <a:rPr lang="da-DK" noProof="0"/>
              <a:t>Fourth level</a:t>
            </a:r>
            <a:endParaRPr lang="da-DK"/>
          </a:p>
          <a:p>
            <a:pPr lvl="4"/>
            <a:r>
              <a:rPr lang="da-DK" noProof="0"/>
              <a:t>Fifth level</a:t>
            </a:r>
            <a:endParaRPr lang="da-DK"/>
          </a:p>
          <a:p>
            <a:pPr lvl="5"/>
            <a:r>
              <a:rPr lang="da-DK" noProof="0"/>
              <a:t>6 level</a:t>
            </a:r>
            <a:endParaRPr lang="da-DK"/>
          </a:p>
          <a:p>
            <a:pPr lvl="6"/>
            <a:r>
              <a:rPr lang="da-DK" noProof="0"/>
              <a:t>7 level</a:t>
            </a:r>
            <a:endParaRPr lang="da-DK"/>
          </a:p>
          <a:p>
            <a:pPr lvl="7"/>
            <a:r>
              <a:rPr lang="da-DK" noProof="0"/>
              <a:t>8 level</a:t>
            </a:r>
            <a:endParaRPr lang="da-DK"/>
          </a:p>
          <a:p>
            <a:pPr lvl="8"/>
            <a:r>
              <a:rPr lang="da-DK" noProof="0"/>
              <a:t>9 level</a:t>
            </a:r>
            <a:endParaRPr lang="da-DK"/>
          </a:p>
        </p:txBody>
      </p:sp>
      <p:pic>
        <p:nvPicPr>
          <p:cNvPr id="1928528054" name="SecondaryLogo_sort" descr="{&quot;templafy&quot;:{&quot;id&quot;:&quot;0994a165-bd60-49da-b443-30c3e5350c58&quot;}}"/>
          <p:cNvPicPr>
            <a:picLocks noChangeAspect="1"/>
          </p:cNvPicPr>
          <p:nvPr/>
        </p:nvPicPr>
        <p:blipFill>
          <a:blip r:embed="rId23"/>
          <a:stretch>
            <a:fillRect/>
          </a:stretch>
        </p:blipFill>
        <p:spPr>
          <a:xfrm>
            <a:off x="10206000" y="5999002"/>
            <a:ext cx="1659600" cy="558000"/>
          </a:xfrm>
          <a:prstGeom prst="rect">
            <a:avLst/>
          </a:prstGeom>
        </p:spPr>
      </p:pic>
      <p:sp>
        <p:nvSpPr>
          <p:cNvPr id="1030" name="Sidetal"/>
          <p:cNvSpPr>
            <a:spLocks noGrp="1" noChangeArrowheads="1"/>
          </p:cNvSpPr>
          <p:nvPr>
            <p:ph type="sldNum" sz="quarter" idx="4"/>
          </p:nvPr>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lvl1pPr algn="r">
              <a:lnSpc>
                <a:spcPts val="1200"/>
              </a:lnSpc>
              <a:buFontTx/>
              <a:buNone/>
              <a:defRPr sz="700" spc="40" baseline="0">
                <a:solidFill>
                  <a:schemeClr val="tx1"/>
                </a:solidFill>
                <a:latin typeface="+mn-lt"/>
              </a:defRPr>
            </a:lvl1pPr>
          </a:lstStyle>
          <a:p>
            <a:pPr>
              <a:defRPr/>
            </a:pPr>
            <a:fld id="{E90C1E0A-682D-40DC-B1EA-26C007FDC330}" type="slidenum">
              <a:rPr lang="da-DK" smtClean="0"/>
              <a:pPr>
                <a:defRPr/>
              </a:pPr>
              <a:t>‹#›</a:t>
            </a:fld>
            <a:endParaRPr lang="da-DK"/>
          </a:p>
        </p:txBody>
      </p:sp>
      <p:sp>
        <p:nvSpPr>
          <p:cNvPr id="6" name="OFF_logo1Computed">
            <a:extLst>
              <a:ext uri="{FF2B5EF4-FFF2-40B4-BE49-F238E27FC236}">
                <a16:creationId xmlns:a16="http://schemas.microsoft.com/office/drawing/2014/main" id="{F451E1A1-13EB-7932-0508-432234FFBFD8}"/>
              </a:ext>
            </a:extLst>
          </p:cNvPr>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accent2">
                    <a:lumMod val="50000"/>
                  </a:schemeClr>
                </a:solidFill>
                <a:effectLst/>
                <a:latin typeface="AU Passata" pitchFamily="34" charset="0"/>
              </a:rPr>
              <a:t>Aarhus
Universitet</a:t>
            </a:r>
          </a:p>
        </p:txBody>
      </p:sp>
      <p:pic>
        <p:nvPicPr>
          <p:cNvPr id="8" name="Au logo">
            <a:extLst>
              <a:ext uri="{FF2B5EF4-FFF2-40B4-BE49-F238E27FC236}">
                <a16:creationId xmlns:a16="http://schemas.microsoft.com/office/drawing/2014/main" id="{43443BFA-A093-9182-F393-CDE5355FA764}"/>
              </a:ext>
            </a:extLst>
          </p:cNvPr>
          <p:cNvPicPr>
            <a:picLocks noChangeAspect="1"/>
          </p:cNvPicPr>
          <p:nvPr userDrawn="1"/>
        </p:nvPicPr>
        <p:blipFill>
          <a:blip r:embed="rId24" cstate="print">
            <a:alphaModFix/>
            <a:duotone>
              <a:prstClr val="black"/>
              <a:schemeClr val="bg2">
                <a:tint val="45000"/>
                <a:satMod val="400000"/>
              </a:schemeClr>
            </a:duotone>
            <a:lum bright="-40000" contrast="-40000"/>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9" name="SecondaryLogo">
            <a:extLst>
              <a:ext uri="{FF2B5EF4-FFF2-40B4-BE49-F238E27FC236}">
                <a16:creationId xmlns:a16="http://schemas.microsoft.com/office/drawing/2014/main" id="{95C9238F-94AE-6415-D66A-B56AF8F361B5}"/>
              </a:ext>
            </a:extLst>
          </p:cNvPr>
          <p:cNvPicPr>
            <a:picLocks noChangeAspect="1"/>
          </p:cNvPicPr>
          <p:nvPr userDrawn="1"/>
        </p:nvPicPr>
        <p:blipFill>
          <a:blip r:embed="rId25">
            <a:alphaModFix/>
            <a:duotone>
              <a:prstClr val="black"/>
              <a:schemeClr val="bg2">
                <a:tint val="45000"/>
                <a:satMod val="400000"/>
              </a:schemeClr>
            </a:duotone>
          </a:blip>
          <a:stretch>
            <a:fillRect/>
          </a:stretch>
        </p:blipFill>
        <p:spPr>
          <a:xfrm>
            <a:off x="10206001" y="5997600"/>
            <a:ext cx="1658237" cy="558000"/>
          </a:xfrm>
          <a:prstGeom prst="rect">
            <a:avLst/>
          </a:prstGeom>
        </p:spPr>
      </p:pic>
    </p:spTree>
  </p:cSld>
  <p:clrMap bg1="lt1" tx1="dk1" bg2="lt2" tx2="dk2" accent1="accent1" accent2="accent2" accent3="accent3" accent4="accent4" accent5="accent5" accent6="accent6" hlink="hlink" folHlink="folHlink"/>
  <p:sldLayoutIdLst>
    <p:sldLayoutId id="2147483659" r:id="rId1"/>
    <p:sldLayoutId id="2147483656" r:id="rId2"/>
    <p:sldLayoutId id="2147483673" r:id="rId3"/>
    <p:sldLayoutId id="2147483666" r:id="rId4"/>
    <p:sldLayoutId id="2147483662" r:id="rId5"/>
    <p:sldLayoutId id="2147483649" r:id="rId6"/>
    <p:sldLayoutId id="2147483669" r:id="rId7"/>
    <p:sldLayoutId id="2147483661" r:id="rId8"/>
    <p:sldLayoutId id="2147483668" r:id="rId9"/>
    <p:sldLayoutId id="2147483663" r:id="rId10"/>
    <p:sldLayoutId id="2147483670" r:id="rId11"/>
    <p:sldLayoutId id="2147483654" r:id="rId12"/>
    <p:sldLayoutId id="2147483664" r:id="rId13"/>
    <p:sldLayoutId id="2147483671" r:id="rId14"/>
    <p:sldLayoutId id="2147483650" r:id="rId15"/>
    <p:sldLayoutId id="2147483655" r:id="rId16"/>
    <p:sldLayoutId id="2147483651" r:id="rId17"/>
    <p:sldLayoutId id="2147483672" r:id="rId18"/>
    <p:sldLayoutId id="2147483678" r:id="rId19"/>
    <p:sldLayoutId id="2147483658" r:id="rId20"/>
  </p:sldLayoutIdLst>
  <p:hf hdr="0" ftr="0"/>
  <p:txStyles>
    <p:titleStyle>
      <a:lvl1pPr algn="l" rtl="0" eaLnBrk="1" fontAlgn="base" hangingPunct="1">
        <a:lnSpc>
          <a:spcPct val="89000"/>
        </a:lnSpc>
        <a:spcBef>
          <a:spcPct val="0"/>
        </a:spcBef>
        <a:spcAft>
          <a:spcPct val="0"/>
        </a:spcAft>
        <a:defRPr sz="4500" b="1" cap="all" baseline="0">
          <a:solidFill>
            <a:schemeClr val="tx1"/>
          </a:solidFill>
          <a:latin typeface="+mj-lt"/>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p:titleStyle>
    <p:bodyStyle>
      <a:lvl1pPr marL="0" indent="0" algn="l" rtl="0" eaLnBrk="1" fontAlgn="base" hangingPunct="1">
        <a:lnSpc>
          <a:spcPct val="99000"/>
        </a:lnSpc>
        <a:spcBef>
          <a:spcPts val="600"/>
        </a:spcBef>
        <a:spcAft>
          <a:spcPct val="0"/>
        </a:spcAft>
        <a:buClr>
          <a:schemeClr val="tx1"/>
        </a:buClr>
        <a:buSzPct val="100000"/>
        <a:buFont typeface="Calibri" panose="020F0502020204030204" pitchFamily="34" charset="0"/>
        <a:buChar char="​"/>
        <a:defRPr sz="2000" b="0">
          <a:solidFill>
            <a:schemeClr val="tx1"/>
          </a:solidFill>
          <a:latin typeface="+mn-lt"/>
          <a:ea typeface="+mn-ea"/>
          <a:cs typeface="+mn-cs"/>
        </a:defRPr>
      </a:lvl1pPr>
      <a:lvl2pPr marL="43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2pPr>
      <a:lvl3pPr marL="756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3pPr>
      <a:lvl4pPr marL="115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4pPr>
      <a:lvl5pPr marL="151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5pPr>
      <a:lvl6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6pPr>
      <a:lvl7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7pPr>
      <a:lvl8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8pPr>
      <a:lvl9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orient="horz" pos="3715" userDrawn="1">
          <p15:clr>
            <a:srgbClr val="000000"/>
          </p15:clr>
        </p15:guide>
        <p15:guide id="5" orient="horz" pos="4131" userDrawn="1">
          <p15:clr>
            <a:srgbClr val="A4A3A4"/>
          </p15:clr>
        </p15:guide>
        <p15:guide id="6" pos="7479" userDrawn="1">
          <p15:clr>
            <a:srgbClr val="A4A3A4"/>
          </p15:clr>
        </p15:guide>
        <p15:guide id="7" orient="horz" pos="1234" userDrawn="1">
          <p15:clr>
            <a:srgbClr val="000000"/>
          </p15:clr>
        </p15:guide>
        <p15:guide id="8" pos="7059" userDrawn="1">
          <p15:clr>
            <a:srgbClr val="000000"/>
          </p15:clr>
        </p15:guide>
        <p15:guide id="9" pos="199" userDrawn="1">
          <p15:clr>
            <a:srgbClr val="A4A3A4"/>
          </p15:clr>
        </p15:guide>
        <p15:guide id="10" pos="621" userDrawn="1">
          <p15:clr>
            <a:srgbClr val="000000"/>
          </p15:clr>
        </p15:guide>
        <p15:guide id="11" orient="horz" pos="199" userDrawn="1">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027" name="Placeholder title 1"/>
          <p:cNvSpPr>
            <a:spLocks noGrp="1" noChangeArrowheads="1"/>
          </p:cNvSpPr>
          <p:nvPr>
            <p:ph type="title"/>
          </p:nvPr>
        </p:nvSpPr>
        <p:spPr bwMode="auto">
          <a:xfrm>
            <a:off x="315913" y="149115"/>
            <a:ext cx="11557000" cy="1309328"/>
          </a:xfrm>
          <a:prstGeom prst="rect">
            <a:avLst/>
          </a:prstGeom>
          <a:noFill/>
          <a:ln w="9525">
            <a:noFill/>
            <a:miter lim="800000"/>
            <a:headEnd/>
            <a:tailEnd/>
          </a:ln>
        </p:spPr>
        <p:txBody>
          <a:bodyPr vert="horz" wrap="square" lIns="0" tIns="0" rIns="0" bIns="0" numCol="1" anchor="b" anchorCtr="0" compatLnSpc="1">
            <a:prstTxWarp prst="textNoShape">
              <a:avLst/>
            </a:prstTxWarp>
          </a:bodyPr>
          <a:lstStyle/>
          <a:p>
            <a:pPr lvl="0"/>
            <a:r>
              <a:rPr lang="da-DK" noProof="0"/>
              <a:t>Click to edit Master title style</a:t>
            </a:r>
            <a:endParaRPr lang="da-DK"/>
          </a:p>
        </p:txBody>
      </p:sp>
      <p:sp>
        <p:nvSpPr>
          <p:cNvPr id="1028" name="Rectangle 2"/>
          <p:cNvSpPr>
            <a:spLocks noGrp="1" noChangeArrowheads="1"/>
          </p:cNvSpPr>
          <p:nvPr>
            <p:ph type="body" idx="1"/>
          </p:nvPr>
        </p:nvSpPr>
        <p:spPr bwMode="auto">
          <a:xfrm>
            <a:off x="985839" y="1960079"/>
            <a:ext cx="10220325" cy="3937484"/>
          </a:xfrm>
          <a:prstGeom prst="rect">
            <a:avLst/>
          </a:prstGeom>
          <a:noFill/>
          <a:ln w="9525">
            <a:noFill/>
            <a:miter lim="800000"/>
            <a:headEnd/>
            <a:tailEnd/>
          </a:ln>
        </p:spPr>
        <p:txBody>
          <a:bodyPr vert="horz" wrap="square" lIns="0" tIns="0" rIns="0" bIns="0" numCol="1" anchor="t" anchorCtr="0" compatLnSpc="1">
            <a:prstTxWarp prst="textNoShape">
              <a:avLst/>
            </a:prstTxWarp>
          </a:bodyPr>
          <a:lstStyle/>
          <a:p>
            <a:pPr lvl="0"/>
            <a:r>
              <a:rPr lang="da-DK" noProof="0"/>
              <a:t>Click to edit Master text styles</a:t>
            </a:r>
            <a:endParaRPr lang="da-DK"/>
          </a:p>
          <a:p>
            <a:pPr lvl="1"/>
            <a:r>
              <a:rPr lang="da-DK" noProof="0"/>
              <a:t>Second level</a:t>
            </a:r>
            <a:endParaRPr lang="da-DK"/>
          </a:p>
          <a:p>
            <a:pPr lvl="2"/>
            <a:r>
              <a:rPr lang="da-DK" noProof="0"/>
              <a:t>Third level</a:t>
            </a:r>
            <a:endParaRPr lang="da-DK"/>
          </a:p>
          <a:p>
            <a:pPr lvl="3"/>
            <a:r>
              <a:rPr lang="da-DK" noProof="0"/>
              <a:t>Fourth level</a:t>
            </a:r>
            <a:endParaRPr lang="da-DK"/>
          </a:p>
          <a:p>
            <a:pPr lvl="4"/>
            <a:r>
              <a:rPr lang="da-DK" noProof="0"/>
              <a:t>Fifth level</a:t>
            </a:r>
            <a:endParaRPr lang="da-DK"/>
          </a:p>
          <a:p>
            <a:pPr lvl="5"/>
            <a:r>
              <a:rPr lang="da-DK" noProof="0"/>
              <a:t>6 level</a:t>
            </a:r>
            <a:endParaRPr lang="da-DK"/>
          </a:p>
          <a:p>
            <a:pPr lvl="6"/>
            <a:r>
              <a:rPr lang="da-DK" noProof="0"/>
              <a:t>7 level</a:t>
            </a:r>
            <a:endParaRPr lang="da-DK"/>
          </a:p>
          <a:p>
            <a:pPr lvl="7"/>
            <a:r>
              <a:rPr lang="da-DK" noProof="0"/>
              <a:t>8 level</a:t>
            </a:r>
            <a:endParaRPr lang="da-DK"/>
          </a:p>
          <a:p>
            <a:pPr lvl="8"/>
            <a:r>
              <a:rPr lang="da-DK" noProof="0"/>
              <a:t>9 level</a:t>
            </a:r>
            <a:endParaRPr lang="da-DK"/>
          </a:p>
        </p:txBody>
      </p:sp>
      <p:sp>
        <p:nvSpPr>
          <p:cNvPr id="33" name="SecondaryLogo_sort"/>
          <p:cNvSpPr>
            <a:spLocks noChangeArrowheads="1"/>
          </p:cNvSpPr>
          <p:nvPr/>
        </p:nvSpPr>
        <p:spPr bwMode="auto">
          <a:xfrm>
            <a:off x="10206000"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19"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1911" rIns="0" bIns="0" anchor="t" anchorCtr="0">
            <a:spAutoFit/>
          </a:bodyPr>
          <a:lstStyle/>
          <a:p>
            <a:pPr algn="r">
              <a:lnSpc>
                <a:spcPct val="95000"/>
              </a:lnSpc>
              <a:defRPr/>
            </a:pPr>
            <a:endParaRPr lang="da-DK" sz="700" b="0" cap="all" baseline="0">
              <a:solidFill>
                <a:schemeClr val="tx1"/>
              </a:solidFill>
              <a:latin typeface="+mn-lt"/>
            </a:endParaRPr>
          </a:p>
        </p:txBody>
      </p:sp>
      <p:pic>
        <p:nvPicPr>
          <p:cNvPr id="7" name="Au logo"/>
          <p:cNvPicPr>
            <a:picLocks noChangeAspect="1"/>
          </p:cNvPicPr>
          <p:nvPr userDrawn="1"/>
        </p:nvPicPr>
        <p:blipFill>
          <a:blip r:embed="rId24" cstate="print">
            <a:extLst>
              <a:ext uri="{28A0092B-C50C-407E-A947-70E740481C1C}">
                <a14:useLocalDpi xmlns:a14="http://schemas.microsoft.com/office/drawing/2010/main" val="0"/>
              </a:ext>
            </a:extLst>
          </a:blip>
          <a:stretch>
            <a:fillRect/>
          </a:stretch>
        </p:blipFill>
        <p:spPr>
          <a:xfrm>
            <a:off x="302401" y="5999002"/>
            <a:ext cx="557570" cy="558000"/>
          </a:xfrm>
          <a:prstGeom prst="rect">
            <a:avLst/>
          </a:prstGeom>
        </p:spPr>
      </p:pic>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tx1"/>
              </a:solidFill>
              <a:latin typeface="AU Passata Light" pitchFamily="34" charset="0"/>
            </a:endParaRPr>
          </a:p>
        </p:txBody>
      </p:sp>
      <p:sp>
        <p:nvSpPr>
          <p:cNvPr id="26" name="OFF_logo1Computed"/>
          <p:cNvSpPr/>
          <p:nvPr userDrawn="1"/>
        </p:nvSpPr>
        <p:spPr bwMode="auto">
          <a:xfrm>
            <a:off x="972000" y="5997602"/>
            <a:ext cx="65" cy="451123"/>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tx1"/>
              </a:solidFill>
              <a:effectLst/>
              <a:latin typeface="AU Passata" pitchFamily="34" charset="0"/>
            </a:endParaRPr>
          </a:p>
        </p:txBody>
      </p:sp>
      <p:sp>
        <p:nvSpPr>
          <p:cNvPr id="1030" name="Sidetal"/>
          <p:cNvSpPr>
            <a:spLocks noGrp="1" noChangeArrowheads="1"/>
          </p:cNvSpPr>
          <p:nvPr>
            <p:ph type="sldNum" sz="quarter" idx="4"/>
          </p:nvPr>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lvl1pPr algn="r">
              <a:lnSpc>
                <a:spcPts val="1200"/>
              </a:lnSpc>
              <a:buFontTx/>
              <a:buNone/>
              <a:defRPr sz="700" spc="40" baseline="0">
                <a:solidFill>
                  <a:schemeClr val="tx1"/>
                </a:solidFill>
                <a:latin typeface="+mn-lt"/>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2"/>
          </p:nvPr>
        </p:nvSpPr>
        <p:spPr>
          <a:xfrm>
            <a:off x="0" y="7020000"/>
            <a:ext cx="0" cy="0"/>
          </a:xfrm>
          <a:prstGeom prst="rect">
            <a:avLst/>
          </a:prstGeom>
        </p:spPr>
        <p:txBody>
          <a:bodyPr vert="horz" lIns="91440" tIns="45720" rIns="91440" bIns="45720" rtlCol="0" anchor="ctr"/>
          <a:lstStyle>
            <a:lvl1pPr algn="l">
              <a:defRPr sz="100">
                <a:noFill/>
              </a:defRPr>
            </a:lvl1pPr>
          </a:lstStyle>
          <a:p>
            <a:fld id="{A8BBAE37-DA97-41B9-8983-660C9C7E9BCF}" type="datetime1">
              <a:rPr lang="da-DK" smtClean="0"/>
              <a:t>09-04-2026</a:t>
            </a:fld>
            <a:r>
              <a:rPr lang="da-DK"/>
              <a:t>02-05-2025</a:t>
            </a:r>
          </a:p>
        </p:txBody>
      </p:sp>
      <p:sp>
        <p:nvSpPr>
          <p:cNvPr id="3" name="Footer Placeholder 2" hidden="1"/>
          <p:cNvSpPr>
            <a:spLocks noGrp="1"/>
          </p:cNvSpPr>
          <p:nvPr>
            <p:ph type="ftr" sz="quarter" idx="3"/>
          </p:nvPr>
        </p:nvSpPr>
        <p:spPr>
          <a:xfrm>
            <a:off x="0" y="7020000"/>
            <a:ext cx="0" cy="0"/>
          </a:xfrm>
          <a:prstGeom prst="rect">
            <a:avLst/>
          </a:prstGeom>
        </p:spPr>
        <p:txBody>
          <a:bodyPr vert="horz" lIns="91440" tIns="45720" rIns="91440" bIns="45720" rtlCol="0" anchor="ctr"/>
          <a:lstStyle>
            <a:lvl1pPr algn="ctr">
              <a:defRPr sz="100">
                <a:noFill/>
              </a:defRPr>
            </a:lvl1pPr>
          </a:lstStyle>
          <a:p>
            <a:endParaRPr lang="da-DK"/>
          </a:p>
        </p:txBody>
      </p:sp>
    </p:spTree>
    <p:extLst>
      <p:ext uri="{BB962C8B-B14F-4D97-AF65-F5344CB8AC3E}">
        <p14:creationId xmlns:p14="http://schemas.microsoft.com/office/powerpoint/2010/main" val="2025636356"/>
      </p:ext>
    </p:extLst>
  </p:cSld>
  <p:clrMap bg1="lt1" tx1="dk1" bg2="lt2" tx2="dk2" accent1="accent1" accent2="accent2" accent3="accent3" accent4="accent4" accent5="accent5" accent6="accent6" hlink="hlink" folHlink="folHlink"/>
  <p:sldLayoutIdLst>
    <p:sldLayoutId id="2147483680" r:id="rId1"/>
    <p:sldLayoutId id="2147483681" r:id="rId2"/>
    <p:sldLayoutId id="2147483682" r:id="rId3"/>
    <p:sldLayoutId id="2147483683" r:id="rId4"/>
    <p:sldLayoutId id="2147483684" r:id="rId5"/>
    <p:sldLayoutId id="2147483685" r:id="rId6"/>
    <p:sldLayoutId id="2147483686" r:id="rId7"/>
    <p:sldLayoutId id="2147483687" r:id="rId8"/>
    <p:sldLayoutId id="2147483688" r:id="rId9"/>
    <p:sldLayoutId id="2147483689" r:id="rId10"/>
    <p:sldLayoutId id="2147483690" r:id="rId11"/>
    <p:sldLayoutId id="2147483691" r:id="rId12"/>
    <p:sldLayoutId id="2147483692" r:id="rId13"/>
    <p:sldLayoutId id="2147483693" r:id="rId14"/>
    <p:sldLayoutId id="2147483694" r:id="rId15"/>
    <p:sldLayoutId id="2147483695" r:id="rId16"/>
    <p:sldLayoutId id="2147483696" r:id="rId17"/>
    <p:sldLayoutId id="2147483697" r:id="rId18"/>
    <p:sldLayoutId id="2147483698" r:id="rId19"/>
    <p:sldLayoutId id="2147483699" r:id="rId20"/>
    <p:sldLayoutId id="2147483700" r:id="rId21"/>
    <p:sldLayoutId id="2147483701" r:id="rId22"/>
  </p:sldLayoutIdLst>
  <p:hf hdr="0" ftr="0"/>
  <p:txStyles>
    <p:titleStyle>
      <a:lvl1pPr algn="l" rtl="0" eaLnBrk="1" fontAlgn="base" hangingPunct="1">
        <a:lnSpc>
          <a:spcPct val="89000"/>
        </a:lnSpc>
        <a:spcBef>
          <a:spcPct val="0"/>
        </a:spcBef>
        <a:spcAft>
          <a:spcPct val="0"/>
        </a:spcAft>
        <a:defRPr sz="4499" b="1" cap="all" baseline="0">
          <a:solidFill>
            <a:schemeClr val="tx1"/>
          </a:solidFill>
          <a:latin typeface="+mj-lt"/>
          <a:ea typeface="+mj-ea"/>
          <a:cs typeface="+mj-cs"/>
        </a:defRPr>
      </a:lvl1pPr>
      <a:lvl2pPr algn="l" rtl="0" eaLnBrk="1" fontAlgn="base" hangingPunct="1">
        <a:lnSpc>
          <a:spcPct val="83000"/>
        </a:lnSpc>
        <a:spcBef>
          <a:spcPct val="0"/>
        </a:spcBef>
        <a:spcAft>
          <a:spcPct val="0"/>
        </a:spcAft>
        <a:defRPr sz="3999">
          <a:solidFill>
            <a:schemeClr val="bg2"/>
          </a:solidFill>
          <a:latin typeface="AU Passata" pitchFamily="34" charset="0"/>
        </a:defRPr>
      </a:lvl2pPr>
      <a:lvl3pPr algn="l" rtl="0" eaLnBrk="1" fontAlgn="base" hangingPunct="1">
        <a:lnSpc>
          <a:spcPct val="83000"/>
        </a:lnSpc>
        <a:spcBef>
          <a:spcPct val="0"/>
        </a:spcBef>
        <a:spcAft>
          <a:spcPct val="0"/>
        </a:spcAft>
        <a:defRPr sz="3999">
          <a:solidFill>
            <a:schemeClr val="bg2"/>
          </a:solidFill>
          <a:latin typeface="AU Passata" pitchFamily="34" charset="0"/>
        </a:defRPr>
      </a:lvl3pPr>
      <a:lvl4pPr algn="l" rtl="0" eaLnBrk="1" fontAlgn="base" hangingPunct="1">
        <a:lnSpc>
          <a:spcPct val="83000"/>
        </a:lnSpc>
        <a:spcBef>
          <a:spcPct val="0"/>
        </a:spcBef>
        <a:spcAft>
          <a:spcPct val="0"/>
        </a:spcAft>
        <a:defRPr sz="3999">
          <a:solidFill>
            <a:schemeClr val="bg2"/>
          </a:solidFill>
          <a:latin typeface="AU Passata" pitchFamily="34" charset="0"/>
        </a:defRPr>
      </a:lvl4pPr>
      <a:lvl5pPr algn="l" rtl="0" eaLnBrk="1" fontAlgn="base" hangingPunct="1">
        <a:lnSpc>
          <a:spcPct val="83000"/>
        </a:lnSpc>
        <a:spcBef>
          <a:spcPct val="0"/>
        </a:spcBef>
        <a:spcAft>
          <a:spcPct val="0"/>
        </a:spcAft>
        <a:defRPr sz="3999">
          <a:solidFill>
            <a:schemeClr val="bg2"/>
          </a:solidFill>
          <a:latin typeface="AU Passata" pitchFamily="34" charset="0"/>
        </a:defRPr>
      </a:lvl5pPr>
      <a:lvl6pPr marL="457063" algn="l" rtl="0" eaLnBrk="1" fontAlgn="base" hangingPunct="1">
        <a:lnSpc>
          <a:spcPct val="83000"/>
        </a:lnSpc>
        <a:spcBef>
          <a:spcPct val="0"/>
        </a:spcBef>
        <a:spcAft>
          <a:spcPct val="0"/>
        </a:spcAft>
        <a:defRPr sz="3999">
          <a:solidFill>
            <a:schemeClr val="bg2"/>
          </a:solidFill>
          <a:latin typeface="AU Passata" pitchFamily="34" charset="0"/>
        </a:defRPr>
      </a:lvl6pPr>
      <a:lvl7pPr marL="914126" algn="l" rtl="0" eaLnBrk="1" fontAlgn="base" hangingPunct="1">
        <a:lnSpc>
          <a:spcPct val="83000"/>
        </a:lnSpc>
        <a:spcBef>
          <a:spcPct val="0"/>
        </a:spcBef>
        <a:spcAft>
          <a:spcPct val="0"/>
        </a:spcAft>
        <a:defRPr sz="3999">
          <a:solidFill>
            <a:schemeClr val="bg2"/>
          </a:solidFill>
          <a:latin typeface="AU Passata" pitchFamily="34" charset="0"/>
        </a:defRPr>
      </a:lvl7pPr>
      <a:lvl8pPr marL="1371189" algn="l" rtl="0" eaLnBrk="1" fontAlgn="base" hangingPunct="1">
        <a:lnSpc>
          <a:spcPct val="83000"/>
        </a:lnSpc>
        <a:spcBef>
          <a:spcPct val="0"/>
        </a:spcBef>
        <a:spcAft>
          <a:spcPct val="0"/>
        </a:spcAft>
        <a:defRPr sz="3999">
          <a:solidFill>
            <a:schemeClr val="bg2"/>
          </a:solidFill>
          <a:latin typeface="AU Passata" pitchFamily="34" charset="0"/>
        </a:defRPr>
      </a:lvl8pPr>
      <a:lvl9pPr marL="1828251" algn="l" rtl="0" eaLnBrk="1" fontAlgn="base" hangingPunct="1">
        <a:lnSpc>
          <a:spcPct val="83000"/>
        </a:lnSpc>
        <a:spcBef>
          <a:spcPct val="0"/>
        </a:spcBef>
        <a:spcAft>
          <a:spcPct val="0"/>
        </a:spcAft>
        <a:defRPr sz="3999">
          <a:solidFill>
            <a:schemeClr val="bg2"/>
          </a:solidFill>
          <a:latin typeface="AU Passata" pitchFamily="34" charset="0"/>
        </a:defRPr>
      </a:lvl9pPr>
    </p:titleStyle>
    <p:bodyStyle>
      <a:lvl1pPr marL="0" indent="0" algn="l" rtl="0" eaLnBrk="1" fontAlgn="base" hangingPunct="1">
        <a:lnSpc>
          <a:spcPct val="99000"/>
        </a:lnSpc>
        <a:spcBef>
          <a:spcPts val="600"/>
        </a:spcBef>
        <a:spcAft>
          <a:spcPct val="0"/>
        </a:spcAft>
        <a:buClr>
          <a:schemeClr val="tx1"/>
        </a:buClr>
        <a:buSzPct val="100000"/>
        <a:buFont typeface="Calibri" panose="020F0502020204030204" pitchFamily="34" charset="0"/>
        <a:buChar char="​"/>
        <a:defRPr sz="1999" b="0">
          <a:solidFill>
            <a:schemeClr val="tx1"/>
          </a:solidFill>
          <a:latin typeface="+mn-lt"/>
          <a:ea typeface="+mn-ea"/>
          <a:cs typeface="+mn-cs"/>
        </a:defRPr>
      </a:lvl1pPr>
      <a:lvl2pPr marL="431870" indent="-179946"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2pPr>
      <a:lvl3pPr marL="755773" indent="-179946"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3pPr>
      <a:lvl4pPr marL="1151654" indent="-179946"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4pPr>
      <a:lvl5pPr marL="1511546" indent="-179946"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5pPr>
      <a:lvl6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6pPr>
      <a:lvl7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7pPr>
      <a:lvl8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8pPr>
      <a:lvl9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9pPr>
    </p:bodyStyle>
    <p:otherStyle>
      <a:defPPr>
        <a:defRPr lang="da-DK"/>
      </a:defPPr>
      <a:lvl1pPr marL="0" algn="l" defTabSz="914126" rtl="0" eaLnBrk="1" latinLnBrk="0" hangingPunct="1">
        <a:defRPr sz="1799" kern="1200">
          <a:solidFill>
            <a:schemeClr val="tx1"/>
          </a:solidFill>
          <a:latin typeface="+mn-lt"/>
          <a:ea typeface="+mn-ea"/>
          <a:cs typeface="+mn-cs"/>
        </a:defRPr>
      </a:lvl1pPr>
      <a:lvl2pPr marL="457063" algn="l" defTabSz="914126" rtl="0" eaLnBrk="1" latinLnBrk="0" hangingPunct="1">
        <a:defRPr sz="1799" kern="1200">
          <a:solidFill>
            <a:schemeClr val="tx1"/>
          </a:solidFill>
          <a:latin typeface="+mn-lt"/>
          <a:ea typeface="+mn-ea"/>
          <a:cs typeface="+mn-cs"/>
        </a:defRPr>
      </a:lvl2pPr>
      <a:lvl3pPr marL="914126" algn="l" defTabSz="914126" rtl="0" eaLnBrk="1" latinLnBrk="0" hangingPunct="1">
        <a:defRPr sz="1799" kern="1200">
          <a:solidFill>
            <a:schemeClr val="tx1"/>
          </a:solidFill>
          <a:latin typeface="+mn-lt"/>
          <a:ea typeface="+mn-ea"/>
          <a:cs typeface="+mn-cs"/>
        </a:defRPr>
      </a:lvl3pPr>
      <a:lvl4pPr marL="1371189" algn="l" defTabSz="914126" rtl="0" eaLnBrk="1" latinLnBrk="0" hangingPunct="1">
        <a:defRPr sz="1799" kern="1200">
          <a:solidFill>
            <a:schemeClr val="tx1"/>
          </a:solidFill>
          <a:latin typeface="+mn-lt"/>
          <a:ea typeface="+mn-ea"/>
          <a:cs typeface="+mn-cs"/>
        </a:defRPr>
      </a:lvl4pPr>
      <a:lvl5pPr marL="1828251" algn="l" defTabSz="914126" rtl="0" eaLnBrk="1" latinLnBrk="0" hangingPunct="1">
        <a:defRPr sz="1799" kern="1200">
          <a:solidFill>
            <a:schemeClr val="tx1"/>
          </a:solidFill>
          <a:latin typeface="+mn-lt"/>
          <a:ea typeface="+mn-ea"/>
          <a:cs typeface="+mn-cs"/>
        </a:defRPr>
      </a:lvl5pPr>
      <a:lvl6pPr marL="2285314" algn="l" defTabSz="914126" rtl="0" eaLnBrk="1" latinLnBrk="0" hangingPunct="1">
        <a:defRPr sz="1799" kern="1200">
          <a:solidFill>
            <a:schemeClr val="tx1"/>
          </a:solidFill>
          <a:latin typeface="+mn-lt"/>
          <a:ea typeface="+mn-ea"/>
          <a:cs typeface="+mn-cs"/>
        </a:defRPr>
      </a:lvl6pPr>
      <a:lvl7pPr marL="2742377" algn="l" defTabSz="914126" rtl="0" eaLnBrk="1" latinLnBrk="0" hangingPunct="1">
        <a:defRPr sz="1799" kern="1200">
          <a:solidFill>
            <a:schemeClr val="tx1"/>
          </a:solidFill>
          <a:latin typeface="+mn-lt"/>
          <a:ea typeface="+mn-ea"/>
          <a:cs typeface="+mn-cs"/>
        </a:defRPr>
      </a:lvl7pPr>
      <a:lvl8pPr marL="3199440" algn="l" defTabSz="914126" rtl="0" eaLnBrk="1" latinLnBrk="0" hangingPunct="1">
        <a:defRPr sz="1799" kern="1200">
          <a:solidFill>
            <a:schemeClr val="tx1"/>
          </a:solidFill>
          <a:latin typeface="+mn-lt"/>
          <a:ea typeface="+mn-ea"/>
          <a:cs typeface="+mn-cs"/>
        </a:defRPr>
      </a:lvl8pPr>
      <a:lvl9pPr marL="3656503" algn="l" defTabSz="914126" rtl="0" eaLnBrk="1" latinLnBrk="0" hangingPunct="1">
        <a:defRPr sz="1799" kern="1200">
          <a:solidFill>
            <a:schemeClr val="tx1"/>
          </a:solidFill>
          <a:latin typeface="+mn-lt"/>
          <a:ea typeface="+mn-ea"/>
          <a:cs typeface="+mn-cs"/>
        </a:defRPr>
      </a:lvl9pPr>
    </p:otherStyle>
  </p:txStyles>
  <p:extLst>
    <p:ext uri="{27BBF7A9-308A-43DC-89C8-2F10F3537804}">
      <p15:sldGuideLst xmlns:p15="http://schemas.microsoft.com/office/powerpoint/2012/main">
        <p15:guide id="4" orient="horz" pos="3715">
          <p15:clr>
            <a:srgbClr val="000000"/>
          </p15:clr>
        </p15:guide>
        <p15:guide id="5" orient="horz" pos="4110">
          <p15:clr>
            <a:srgbClr val="A4A3A4"/>
          </p15:clr>
        </p15:guide>
        <p15:guide id="6" pos="7479">
          <p15:clr>
            <a:srgbClr val="A4A3A4"/>
          </p15:clr>
        </p15:guide>
        <p15:guide id="7" orient="horz" pos="1234">
          <p15:clr>
            <a:srgbClr val="000000"/>
          </p15:clr>
        </p15:guide>
        <p15:guide id="8" pos="7059">
          <p15:clr>
            <a:srgbClr val="000000"/>
          </p15:clr>
        </p15:guide>
        <p15:guide id="9" pos="199">
          <p15:clr>
            <a:srgbClr val="A4A3A4"/>
          </p15:clr>
        </p15:guide>
        <p15:guide id="10" pos="621">
          <p15:clr>
            <a:srgbClr val="000000"/>
          </p15:clr>
        </p15:guide>
        <p15:guide id="11" orient="horz" pos="199">
          <p15:clr>
            <a:srgbClr val="A4A3A4"/>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027" name="Placeholder title 1"/>
          <p:cNvSpPr>
            <a:spLocks noGrp="1" noChangeArrowheads="1"/>
          </p:cNvSpPr>
          <p:nvPr>
            <p:ph type="title"/>
          </p:nvPr>
        </p:nvSpPr>
        <p:spPr bwMode="auto">
          <a:xfrm>
            <a:off x="315913" y="149115"/>
            <a:ext cx="11557000" cy="1309328"/>
          </a:xfrm>
          <a:prstGeom prst="rect">
            <a:avLst/>
          </a:prstGeom>
          <a:noFill/>
          <a:ln w="9525">
            <a:noFill/>
            <a:miter lim="800000"/>
            <a:headEnd/>
            <a:tailEnd/>
          </a:ln>
        </p:spPr>
        <p:txBody>
          <a:bodyPr vert="horz" wrap="square" lIns="0" tIns="0" rIns="0" bIns="0" numCol="1" anchor="b" anchorCtr="0" compatLnSpc="1">
            <a:prstTxWarp prst="textNoShape">
              <a:avLst/>
            </a:prstTxWarp>
          </a:bodyPr>
          <a:lstStyle/>
          <a:p>
            <a:pPr lvl="0"/>
            <a:r>
              <a:rPr lang="da-DK"/>
              <a:t>Klik for at indsætte titel </a:t>
            </a:r>
            <a:br>
              <a:rPr lang="da-DK"/>
            </a:br>
            <a:endParaRPr lang="da-DK"/>
          </a:p>
        </p:txBody>
      </p:sp>
      <p:sp>
        <p:nvSpPr>
          <p:cNvPr id="1028" name="Rectangle 2"/>
          <p:cNvSpPr>
            <a:spLocks noGrp="1" noChangeArrowheads="1"/>
          </p:cNvSpPr>
          <p:nvPr>
            <p:ph type="body" idx="1"/>
          </p:nvPr>
        </p:nvSpPr>
        <p:spPr bwMode="auto">
          <a:xfrm>
            <a:off x="985839" y="1960079"/>
            <a:ext cx="10220325" cy="3937484"/>
          </a:xfrm>
          <a:prstGeom prst="rect">
            <a:avLst/>
          </a:prstGeom>
          <a:noFill/>
          <a:ln w="9525">
            <a:noFill/>
            <a:miter lim="800000"/>
            <a:headEnd/>
            <a:tailEnd/>
          </a:ln>
        </p:spPr>
        <p:txBody>
          <a:bodyPr vert="horz" wrap="square" lIns="0" tIns="0" rIns="0" bIns="0" numCol="1" anchor="t" anchorCtr="0" compatLnSpc="1">
            <a:prstTxWarp prst="textNoShape">
              <a:avLst/>
            </a:prstTxWarp>
          </a:body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pic>
        <p:nvPicPr>
          <p:cNvPr id="7" name="Au logo"/>
          <p:cNvPicPr>
            <a:picLocks noChangeAspect="1"/>
          </p:cNvPicPr>
          <p:nvPr userDrawn="1"/>
        </p:nvPicPr>
        <p:blipFill>
          <a:blip r:embed="rId33" cstate="print">
            <a:duotone>
              <a:schemeClr val="accent5">
                <a:shade val="45000"/>
                <a:satMod val="135000"/>
              </a:schemeClr>
              <a:prstClr val="white"/>
            </a:duotone>
            <a:extLst>
              <a:ext uri="{28A0092B-C50C-407E-A947-70E740481C1C}">
                <a14:useLocalDpi xmlns:a14="http://schemas.microsoft.com/office/drawing/2010/main" val="0"/>
              </a:ext>
            </a:extLst>
          </a:blip>
          <a:stretch>
            <a:fillRect/>
          </a:stretch>
        </p:blipFill>
        <p:spPr>
          <a:xfrm>
            <a:off x="302401" y="5999002"/>
            <a:ext cx="557570" cy="558000"/>
          </a:xfrm>
          <a:prstGeom prst="rect">
            <a:avLst/>
          </a:prstGeom>
        </p:spPr>
      </p:pic>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tx1"/>
              </a:solidFill>
              <a:latin typeface="AU Passata Light" pitchFamily="34" charset="0"/>
            </a:endParaRPr>
          </a:p>
        </p:txBody>
      </p:sp>
      <p:sp>
        <p:nvSpPr>
          <p:cNvPr id="26"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tx1"/>
                </a:solidFill>
                <a:effectLst/>
                <a:latin typeface="AU Passata" pitchFamily="34" charset="0"/>
              </a:rPr>
              <a:t>Aarhus
Universitet</a:t>
            </a:r>
          </a:p>
        </p:txBody>
      </p:sp>
      <p:sp>
        <p:nvSpPr>
          <p:cNvPr id="1030" name="Sidetal"/>
          <p:cNvSpPr>
            <a:spLocks noGrp="1" noChangeArrowheads="1"/>
          </p:cNvSpPr>
          <p:nvPr>
            <p:ph type="sldNum" sz="quarter" idx="4"/>
          </p:nvPr>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lvl1pPr algn="r">
              <a:lnSpc>
                <a:spcPts val="1200"/>
              </a:lnSpc>
              <a:buFontTx/>
              <a:buNone/>
              <a:defRPr sz="700" spc="40" baseline="0">
                <a:solidFill>
                  <a:schemeClr val="tx1"/>
                </a:solidFill>
                <a:latin typeface="+mn-lt"/>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2"/>
          </p:nvPr>
        </p:nvSpPr>
        <p:spPr>
          <a:xfrm>
            <a:off x="0" y="7020000"/>
            <a:ext cx="0" cy="0"/>
          </a:xfrm>
          <a:prstGeom prst="rect">
            <a:avLst/>
          </a:prstGeom>
        </p:spPr>
        <p:txBody>
          <a:bodyPr vert="horz" lIns="91440" tIns="45720" rIns="91440" bIns="45720" rtlCol="0" anchor="ctr"/>
          <a:lstStyle>
            <a:lvl1pPr algn="l">
              <a:defRPr sz="100">
                <a:noFill/>
              </a:defRPr>
            </a:lvl1pPr>
          </a:lstStyle>
          <a:p>
            <a:fld id="{D63AD10B-40C8-4852-8B24-812DCD87D59A}" type="datetime1">
              <a:rPr lang="da-DK" smtClean="0"/>
              <a:t>09-04-2026</a:t>
            </a:fld>
            <a:r>
              <a:rPr lang="da-DK"/>
              <a:t>18-08-2024</a:t>
            </a:r>
          </a:p>
        </p:txBody>
      </p:sp>
    </p:spTree>
    <p:extLst>
      <p:ext uri="{BB962C8B-B14F-4D97-AF65-F5344CB8AC3E}">
        <p14:creationId xmlns:p14="http://schemas.microsoft.com/office/powerpoint/2010/main" val="3656347911"/>
      </p:ext>
    </p:extLst>
  </p:cSld>
  <p:clrMap bg1="lt1" tx1="dk1" bg2="lt2" tx2="dk2" accent1="accent1" accent2="accent2" accent3="accent3" accent4="accent4" accent5="accent5" accent6="accent6" hlink="hlink" folHlink="folHlink"/>
  <p:sldLayoutIdLst>
    <p:sldLayoutId id="2147483703" r:id="rId1"/>
    <p:sldLayoutId id="2147483704" r:id="rId2"/>
    <p:sldLayoutId id="2147483705" r:id="rId3"/>
    <p:sldLayoutId id="2147483706" r:id="rId4"/>
    <p:sldLayoutId id="2147483707" r:id="rId5"/>
    <p:sldLayoutId id="2147483708" r:id="rId6"/>
    <p:sldLayoutId id="2147483709" r:id="rId7"/>
    <p:sldLayoutId id="2147483710" r:id="rId8"/>
    <p:sldLayoutId id="2147483711" r:id="rId9"/>
    <p:sldLayoutId id="2147483712" r:id="rId10"/>
    <p:sldLayoutId id="2147483713" r:id="rId11"/>
    <p:sldLayoutId id="2147483714" r:id="rId12"/>
    <p:sldLayoutId id="2147483715" r:id="rId13"/>
    <p:sldLayoutId id="2147483716" r:id="rId14"/>
    <p:sldLayoutId id="2147483717" r:id="rId15"/>
    <p:sldLayoutId id="2147483718" r:id="rId16"/>
    <p:sldLayoutId id="2147483719" r:id="rId17"/>
    <p:sldLayoutId id="2147483720" r:id="rId18"/>
    <p:sldLayoutId id="2147483721" r:id="rId19"/>
    <p:sldLayoutId id="2147483722" r:id="rId20"/>
    <p:sldLayoutId id="2147483723" r:id="rId21"/>
    <p:sldLayoutId id="2147483724" r:id="rId22"/>
    <p:sldLayoutId id="2147483725" r:id="rId23"/>
    <p:sldLayoutId id="2147483726" r:id="rId24"/>
    <p:sldLayoutId id="2147483727" r:id="rId25"/>
    <p:sldLayoutId id="2147483728" r:id="rId26"/>
    <p:sldLayoutId id="2147483729" r:id="rId27"/>
    <p:sldLayoutId id="2147483730" r:id="rId28"/>
    <p:sldLayoutId id="2147483731" r:id="rId29"/>
    <p:sldLayoutId id="2147483732" r:id="rId30"/>
    <p:sldLayoutId id="2147483733" r:id="rId31"/>
  </p:sldLayoutIdLst>
  <p:hf hdr="0" ftr="0"/>
  <p:txStyles>
    <p:titleStyle>
      <a:lvl1pPr algn="l" rtl="0" eaLnBrk="1" fontAlgn="base" hangingPunct="1">
        <a:lnSpc>
          <a:spcPct val="89000"/>
        </a:lnSpc>
        <a:spcBef>
          <a:spcPct val="0"/>
        </a:spcBef>
        <a:spcAft>
          <a:spcPct val="0"/>
        </a:spcAft>
        <a:defRPr sz="4499" b="1" cap="none" baseline="0">
          <a:solidFill>
            <a:schemeClr val="tx1"/>
          </a:solidFill>
          <a:latin typeface="+mj-lt"/>
          <a:ea typeface="+mj-ea"/>
          <a:cs typeface="+mj-cs"/>
        </a:defRPr>
      </a:lvl1pPr>
      <a:lvl2pPr algn="l" rtl="0" eaLnBrk="1" fontAlgn="base" hangingPunct="1">
        <a:lnSpc>
          <a:spcPct val="83000"/>
        </a:lnSpc>
        <a:spcBef>
          <a:spcPct val="0"/>
        </a:spcBef>
        <a:spcAft>
          <a:spcPct val="0"/>
        </a:spcAft>
        <a:defRPr sz="3999">
          <a:solidFill>
            <a:schemeClr val="bg2"/>
          </a:solidFill>
          <a:latin typeface="AU Passata" pitchFamily="34" charset="0"/>
        </a:defRPr>
      </a:lvl2pPr>
      <a:lvl3pPr algn="l" rtl="0" eaLnBrk="1" fontAlgn="base" hangingPunct="1">
        <a:lnSpc>
          <a:spcPct val="83000"/>
        </a:lnSpc>
        <a:spcBef>
          <a:spcPct val="0"/>
        </a:spcBef>
        <a:spcAft>
          <a:spcPct val="0"/>
        </a:spcAft>
        <a:defRPr sz="3999">
          <a:solidFill>
            <a:schemeClr val="bg2"/>
          </a:solidFill>
          <a:latin typeface="AU Passata" pitchFamily="34" charset="0"/>
        </a:defRPr>
      </a:lvl3pPr>
      <a:lvl4pPr algn="l" rtl="0" eaLnBrk="1" fontAlgn="base" hangingPunct="1">
        <a:lnSpc>
          <a:spcPct val="83000"/>
        </a:lnSpc>
        <a:spcBef>
          <a:spcPct val="0"/>
        </a:spcBef>
        <a:spcAft>
          <a:spcPct val="0"/>
        </a:spcAft>
        <a:defRPr sz="3999">
          <a:solidFill>
            <a:schemeClr val="bg2"/>
          </a:solidFill>
          <a:latin typeface="AU Passata" pitchFamily="34" charset="0"/>
        </a:defRPr>
      </a:lvl4pPr>
      <a:lvl5pPr algn="l" rtl="0" eaLnBrk="1" fontAlgn="base" hangingPunct="1">
        <a:lnSpc>
          <a:spcPct val="83000"/>
        </a:lnSpc>
        <a:spcBef>
          <a:spcPct val="0"/>
        </a:spcBef>
        <a:spcAft>
          <a:spcPct val="0"/>
        </a:spcAft>
        <a:defRPr sz="3999">
          <a:solidFill>
            <a:schemeClr val="bg2"/>
          </a:solidFill>
          <a:latin typeface="AU Passata" pitchFamily="34" charset="0"/>
        </a:defRPr>
      </a:lvl5pPr>
      <a:lvl6pPr marL="457063" algn="l" rtl="0" eaLnBrk="1" fontAlgn="base" hangingPunct="1">
        <a:lnSpc>
          <a:spcPct val="83000"/>
        </a:lnSpc>
        <a:spcBef>
          <a:spcPct val="0"/>
        </a:spcBef>
        <a:spcAft>
          <a:spcPct val="0"/>
        </a:spcAft>
        <a:defRPr sz="3999">
          <a:solidFill>
            <a:schemeClr val="bg2"/>
          </a:solidFill>
          <a:latin typeface="AU Passata" pitchFamily="34" charset="0"/>
        </a:defRPr>
      </a:lvl6pPr>
      <a:lvl7pPr marL="914126" algn="l" rtl="0" eaLnBrk="1" fontAlgn="base" hangingPunct="1">
        <a:lnSpc>
          <a:spcPct val="83000"/>
        </a:lnSpc>
        <a:spcBef>
          <a:spcPct val="0"/>
        </a:spcBef>
        <a:spcAft>
          <a:spcPct val="0"/>
        </a:spcAft>
        <a:defRPr sz="3999">
          <a:solidFill>
            <a:schemeClr val="bg2"/>
          </a:solidFill>
          <a:latin typeface="AU Passata" pitchFamily="34" charset="0"/>
        </a:defRPr>
      </a:lvl7pPr>
      <a:lvl8pPr marL="1371189" algn="l" rtl="0" eaLnBrk="1" fontAlgn="base" hangingPunct="1">
        <a:lnSpc>
          <a:spcPct val="83000"/>
        </a:lnSpc>
        <a:spcBef>
          <a:spcPct val="0"/>
        </a:spcBef>
        <a:spcAft>
          <a:spcPct val="0"/>
        </a:spcAft>
        <a:defRPr sz="3999">
          <a:solidFill>
            <a:schemeClr val="bg2"/>
          </a:solidFill>
          <a:latin typeface="AU Passata" pitchFamily="34" charset="0"/>
        </a:defRPr>
      </a:lvl8pPr>
      <a:lvl9pPr marL="1828251" algn="l" rtl="0" eaLnBrk="1" fontAlgn="base" hangingPunct="1">
        <a:lnSpc>
          <a:spcPct val="83000"/>
        </a:lnSpc>
        <a:spcBef>
          <a:spcPct val="0"/>
        </a:spcBef>
        <a:spcAft>
          <a:spcPct val="0"/>
        </a:spcAft>
        <a:defRPr sz="3999">
          <a:solidFill>
            <a:schemeClr val="bg2"/>
          </a:solidFill>
          <a:latin typeface="AU Passata" pitchFamily="34" charset="0"/>
        </a:defRPr>
      </a:lvl9pPr>
    </p:titleStyle>
    <p:bodyStyle>
      <a:lvl1pPr marL="0" indent="0" algn="l" rtl="0" eaLnBrk="1" fontAlgn="base" hangingPunct="1">
        <a:lnSpc>
          <a:spcPct val="90000"/>
        </a:lnSpc>
        <a:spcBef>
          <a:spcPts val="600"/>
        </a:spcBef>
        <a:spcAft>
          <a:spcPct val="0"/>
        </a:spcAft>
        <a:buClr>
          <a:schemeClr val="tx1"/>
        </a:buClr>
        <a:buSzPct val="100000"/>
        <a:buFont typeface="Calibri" panose="020F0502020204030204" pitchFamily="34" charset="0"/>
        <a:buChar char="​"/>
        <a:defRPr sz="1999" b="0">
          <a:solidFill>
            <a:schemeClr val="tx1"/>
          </a:solidFill>
          <a:latin typeface="+mn-lt"/>
          <a:ea typeface="+mn-ea"/>
          <a:cs typeface="+mn-cs"/>
        </a:defRPr>
      </a:lvl1pPr>
      <a:lvl2pPr marL="431870" indent="-179946"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2pPr>
      <a:lvl3pPr marL="755773" indent="-179946"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3pPr>
      <a:lvl4pPr marL="1151654" indent="-179946"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4pPr>
      <a:lvl5pPr marL="1511546" indent="-179946"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5pPr>
      <a:lvl6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6pPr>
      <a:lvl7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7pPr>
      <a:lvl8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8pPr>
      <a:lvl9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9pPr>
    </p:bodyStyle>
    <p:otherStyle>
      <a:defPPr>
        <a:defRPr lang="da-DK"/>
      </a:defPPr>
      <a:lvl1pPr marL="0" algn="l" defTabSz="914126" rtl="0" eaLnBrk="1" latinLnBrk="0" hangingPunct="1">
        <a:defRPr sz="1799" kern="1200">
          <a:solidFill>
            <a:schemeClr val="tx1"/>
          </a:solidFill>
          <a:latin typeface="+mn-lt"/>
          <a:ea typeface="+mn-ea"/>
          <a:cs typeface="+mn-cs"/>
        </a:defRPr>
      </a:lvl1pPr>
      <a:lvl2pPr marL="457063" algn="l" defTabSz="914126" rtl="0" eaLnBrk="1" latinLnBrk="0" hangingPunct="1">
        <a:defRPr sz="1799" kern="1200">
          <a:solidFill>
            <a:schemeClr val="tx1"/>
          </a:solidFill>
          <a:latin typeface="+mn-lt"/>
          <a:ea typeface="+mn-ea"/>
          <a:cs typeface="+mn-cs"/>
        </a:defRPr>
      </a:lvl2pPr>
      <a:lvl3pPr marL="914126" algn="l" defTabSz="914126" rtl="0" eaLnBrk="1" latinLnBrk="0" hangingPunct="1">
        <a:defRPr sz="1799" kern="1200">
          <a:solidFill>
            <a:schemeClr val="tx1"/>
          </a:solidFill>
          <a:latin typeface="+mn-lt"/>
          <a:ea typeface="+mn-ea"/>
          <a:cs typeface="+mn-cs"/>
        </a:defRPr>
      </a:lvl3pPr>
      <a:lvl4pPr marL="1371189" algn="l" defTabSz="914126" rtl="0" eaLnBrk="1" latinLnBrk="0" hangingPunct="1">
        <a:defRPr sz="1799" kern="1200">
          <a:solidFill>
            <a:schemeClr val="tx1"/>
          </a:solidFill>
          <a:latin typeface="+mn-lt"/>
          <a:ea typeface="+mn-ea"/>
          <a:cs typeface="+mn-cs"/>
        </a:defRPr>
      </a:lvl4pPr>
      <a:lvl5pPr marL="1828251" algn="l" defTabSz="914126" rtl="0" eaLnBrk="1" latinLnBrk="0" hangingPunct="1">
        <a:defRPr sz="1799" kern="1200">
          <a:solidFill>
            <a:schemeClr val="tx1"/>
          </a:solidFill>
          <a:latin typeface="+mn-lt"/>
          <a:ea typeface="+mn-ea"/>
          <a:cs typeface="+mn-cs"/>
        </a:defRPr>
      </a:lvl5pPr>
      <a:lvl6pPr marL="2285314" algn="l" defTabSz="914126" rtl="0" eaLnBrk="1" latinLnBrk="0" hangingPunct="1">
        <a:defRPr sz="1799" kern="1200">
          <a:solidFill>
            <a:schemeClr val="tx1"/>
          </a:solidFill>
          <a:latin typeface="+mn-lt"/>
          <a:ea typeface="+mn-ea"/>
          <a:cs typeface="+mn-cs"/>
        </a:defRPr>
      </a:lvl6pPr>
      <a:lvl7pPr marL="2742377" algn="l" defTabSz="914126" rtl="0" eaLnBrk="1" latinLnBrk="0" hangingPunct="1">
        <a:defRPr sz="1799" kern="1200">
          <a:solidFill>
            <a:schemeClr val="tx1"/>
          </a:solidFill>
          <a:latin typeface="+mn-lt"/>
          <a:ea typeface="+mn-ea"/>
          <a:cs typeface="+mn-cs"/>
        </a:defRPr>
      </a:lvl7pPr>
      <a:lvl8pPr marL="3199440" algn="l" defTabSz="914126" rtl="0" eaLnBrk="1" latinLnBrk="0" hangingPunct="1">
        <a:defRPr sz="1799" kern="1200">
          <a:solidFill>
            <a:schemeClr val="tx1"/>
          </a:solidFill>
          <a:latin typeface="+mn-lt"/>
          <a:ea typeface="+mn-ea"/>
          <a:cs typeface="+mn-cs"/>
        </a:defRPr>
      </a:lvl8pPr>
      <a:lvl9pPr marL="3656503" algn="l" defTabSz="914126" rtl="0" eaLnBrk="1" latinLnBrk="0" hangingPunct="1">
        <a:defRPr sz="1799" kern="1200">
          <a:solidFill>
            <a:schemeClr val="tx1"/>
          </a:solidFill>
          <a:latin typeface="+mn-lt"/>
          <a:ea typeface="+mn-ea"/>
          <a:cs typeface="+mn-cs"/>
        </a:defRPr>
      </a:lvl9pPr>
    </p:otherStyle>
  </p:txStyles>
  <p:extLst>
    <p:ext uri="{27BBF7A9-308A-43DC-89C8-2F10F3537804}">
      <p15:sldGuideLst xmlns:p15="http://schemas.microsoft.com/office/powerpoint/2012/main">
        <p15:guide id="4" orient="horz" pos="3715">
          <p15:clr>
            <a:srgbClr val="000000"/>
          </p15:clr>
        </p15:guide>
        <p15:guide id="5" orient="horz" pos="4131">
          <p15:clr>
            <a:srgbClr val="A4A3A4"/>
          </p15:clr>
        </p15:guide>
        <p15:guide id="6" pos="7479">
          <p15:clr>
            <a:srgbClr val="A4A3A4"/>
          </p15:clr>
        </p15:guide>
        <p15:guide id="7" orient="horz" pos="1234">
          <p15:clr>
            <a:srgbClr val="000000"/>
          </p15:clr>
        </p15:guide>
        <p15:guide id="8" pos="7059">
          <p15:clr>
            <a:srgbClr val="000000"/>
          </p15:clr>
        </p15:guide>
        <p15:guide id="9" pos="210">
          <p15:clr>
            <a:srgbClr val="A4A3A4"/>
          </p15:clr>
        </p15:guide>
        <p15:guide id="10" pos="618">
          <p15:clr>
            <a:srgbClr val="000000"/>
          </p15:clr>
        </p15:guide>
        <p15:guide id="11" orient="horz" pos="199">
          <p15:clr>
            <a:srgbClr val="A4A3A4"/>
          </p15:clr>
        </p15:guide>
        <p15:guide id="12" pos="3748">
          <p15:clr>
            <a:srgbClr val="000000"/>
          </p15:clr>
        </p15:guide>
        <p15:guide id="13" pos="3930">
          <p15:clr>
            <a:srgbClr val="000000"/>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027" name="Placeholder title 1"/>
          <p:cNvSpPr>
            <a:spLocks noGrp="1" noChangeArrowheads="1"/>
          </p:cNvSpPr>
          <p:nvPr>
            <p:ph type="title"/>
          </p:nvPr>
        </p:nvSpPr>
        <p:spPr bwMode="auto">
          <a:xfrm>
            <a:off x="315913" y="149115"/>
            <a:ext cx="11557000" cy="1309328"/>
          </a:xfrm>
          <a:prstGeom prst="rect">
            <a:avLst/>
          </a:prstGeom>
          <a:noFill/>
          <a:ln w="9525">
            <a:noFill/>
            <a:miter lim="800000"/>
            <a:headEnd/>
            <a:tailEnd/>
          </a:ln>
        </p:spPr>
        <p:txBody>
          <a:bodyPr vert="horz" wrap="square" lIns="0" tIns="0" rIns="0" bIns="0" numCol="1" anchor="b" anchorCtr="0" compatLnSpc="1">
            <a:prstTxWarp prst="textNoShape">
              <a:avLst/>
            </a:prstTxWarp>
          </a:bodyPr>
          <a:lstStyle/>
          <a:p>
            <a:pPr lvl="0"/>
            <a:r>
              <a:rPr lang="da-DK" noProof="0"/>
              <a:t>Click to edit Master title style</a:t>
            </a:r>
            <a:endParaRPr lang="da-DK"/>
          </a:p>
        </p:txBody>
      </p:sp>
      <p:sp>
        <p:nvSpPr>
          <p:cNvPr id="1028" name="Rectangle 2"/>
          <p:cNvSpPr>
            <a:spLocks noGrp="1" noChangeArrowheads="1"/>
          </p:cNvSpPr>
          <p:nvPr>
            <p:ph type="body" idx="1"/>
          </p:nvPr>
        </p:nvSpPr>
        <p:spPr bwMode="auto">
          <a:xfrm>
            <a:off x="985838" y="1960079"/>
            <a:ext cx="10220325" cy="3937484"/>
          </a:xfrm>
          <a:prstGeom prst="rect">
            <a:avLst/>
          </a:prstGeom>
          <a:noFill/>
          <a:ln w="9525">
            <a:noFill/>
            <a:miter lim="800000"/>
            <a:headEnd/>
            <a:tailEnd/>
          </a:ln>
        </p:spPr>
        <p:txBody>
          <a:bodyPr vert="horz" wrap="square" lIns="0" tIns="0" rIns="0" bIns="0" numCol="1" anchor="t" anchorCtr="0" compatLnSpc="1">
            <a:prstTxWarp prst="textNoShape">
              <a:avLst/>
            </a:prstTxWarp>
          </a:bodyPr>
          <a:lstStyle/>
          <a:p>
            <a:pPr lvl="0"/>
            <a:r>
              <a:rPr lang="da-DK" noProof="0"/>
              <a:t>Click to edit Master text styles</a:t>
            </a:r>
            <a:endParaRPr lang="da-DK"/>
          </a:p>
          <a:p>
            <a:pPr lvl="1"/>
            <a:r>
              <a:rPr lang="da-DK" noProof="0"/>
              <a:t>Second level</a:t>
            </a:r>
            <a:endParaRPr lang="da-DK"/>
          </a:p>
          <a:p>
            <a:pPr lvl="2"/>
            <a:r>
              <a:rPr lang="da-DK" noProof="0"/>
              <a:t>Third level</a:t>
            </a:r>
            <a:endParaRPr lang="da-DK"/>
          </a:p>
          <a:p>
            <a:pPr lvl="3"/>
            <a:r>
              <a:rPr lang="da-DK" noProof="0"/>
              <a:t>Fourth level</a:t>
            </a:r>
            <a:endParaRPr lang="da-DK"/>
          </a:p>
          <a:p>
            <a:pPr lvl="4"/>
            <a:r>
              <a:rPr lang="da-DK" noProof="0"/>
              <a:t>Fifth level</a:t>
            </a:r>
            <a:endParaRPr lang="da-DK"/>
          </a:p>
          <a:p>
            <a:pPr lvl="5"/>
            <a:r>
              <a:rPr lang="da-DK" noProof="0"/>
              <a:t>6 level</a:t>
            </a:r>
            <a:endParaRPr lang="da-DK"/>
          </a:p>
          <a:p>
            <a:pPr lvl="6"/>
            <a:r>
              <a:rPr lang="da-DK" noProof="0"/>
              <a:t>7 level</a:t>
            </a:r>
            <a:endParaRPr lang="da-DK"/>
          </a:p>
          <a:p>
            <a:pPr lvl="7"/>
            <a:r>
              <a:rPr lang="da-DK" noProof="0"/>
              <a:t>8 level</a:t>
            </a:r>
            <a:endParaRPr lang="da-DK"/>
          </a:p>
          <a:p>
            <a:pPr lvl="8"/>
            <a:r>
              <a:rPr lang="da-DK" noProof="0"/>
              <a:t>9 level</a:t>
            </a:r>
            <a:endParaRPr lang="da-DK"/>
          </a:p>
        </p:txBody>
      </p:sp>
      <p:sp>
        <p:nvSpPr>
          <p:cNvPr id="33" name="SecondaryLogo_sort"/>
          <p:cNvSpPr>
            <a:spLocks noChangeArrowheads="1"/>
          </p:cNvSpPr>
          <p:nvPr/>
        </p:nvSpPr>
        <p:spPr bwMode="auto">
          <a:xfrm>
            <a:off x="10206000"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19"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tx1"/>
              </a:solidFill>
              <a:latin typeface="+mn-lt"/>
            </a:endParaRPr>
          </a:p>
        </p:txBody>
      </p:sp>
      <p:pic>
        <p:nvPicPr>
          <p:cNvPr id="7" name="Au logo"/>
          <p:cNvPicPr>
            <a:picLocks noChangeAspect="1"/>
          </p:cNvPicPr>
          <p:nvPr userDrawn="1"/>
        </p:nvPicPr>
        <p:blipFill>
          <a:blip r:embed="rId23" cstate="print">
            <a:extLst>
              <a:ext uri="{28A0092B-C50C-407E-A947-70E740481C1C}">
                <a14:useLocalDpi xmlns:a14="http://schemas.microsoft.com/office/drawing/2010/main" val="0"/>
              </a:ext>
            </a:extLst>
          </a:blip>
          <a:stretch>
            <a:fillRect/>
          </a:stretch>
        </p:blipFill>
        <p:spPr>
          <a:xfrm>
            <a:off x="302400" y="5999002"/>
            <a:ext cx="557570" cy="558000"/>
          </a:xfrm>
          <a:prstGeom prst="rect">
            <a:avLst/>
          </a:prstGeom>
        </p:spPr>
      </p:pic>
      <p:sp>
        <p:nvSpPr>
          <p:cNvPr id="25"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tx1"/>
              </a:solidFill>
              <a:latin typeface="AU Passata Light" pitchFamily="34" charset="0"/>
            </a:endParaRPr>
          </a:p>
        </p:txBody>
      </p:sp>
      <p:sp>
        <p:nvSpPr>
          <p:cNvPr id="26"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tx1"/>
              </a:solidFill>
              <a:effectLst/>
              <a:latin typeface="AU Passata" pitchFamily="34" charset="0"/>
            </a:endParaRPr>
          </a:p>
        </p:txBody>
      </p:sp>
      <p:sp>
        <p:nvSpPr>
          <p:cNvPr id="1030" name="Sidetal"/>
          <p:cNvSpPr>
            <a:spLocks noGrp="1" noChangeArrowheads="1"/>
          </p:cNvSpPr>
          <p:nvPr>
            <p:ph type="sldNum" sz="quarter" idx="4"/>
          </p:nvPr>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lvl1pPr algn="r">
              <a:lnSpc>
                <a:spcPts val="1200"/>
              </a:lnSpc>
              <a:buFontTx/>
              <a:buNone/>
              <a:defRPr sz="700" spc="40" baseline="0">
                <a:solidFill>
                  <a:schemeClr val="tx1"/>
                </a:solidFill>
                <a:latin typeface="+mn-lt"/>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2"/>
          </p:nvPr>
        </p:nvSpPr>
        <p:spPr>
          <a:xfrm>
            <a:off x="0" y="7020000"/>
            <a:ext cx="0" cy="0"/>
          </a:xfrm>
          <a:prstGeom prst="rect">
            <a:avLst/>
          </a:prstGeom>
        </p:spPr>
        <p:txBody>
          <a:bodyPr vert="horz" lIns="91440" tIns="45720" rIns="91440" bIns="45720" rtlCol="0" anchor="ctr"/>
          <a:lstStyle>
            <a:lvl1pPr algn="l">
              <a:defRPr sz="100">
                <a:noFill/>
              </a:defRPr>
            </a:lvl1pPr>
          </a:lstStyle>
          <a:p>
            <a:fld id="{2EC9F538-9227-446B-AB63-4C341ED60F66}" type="datetime1">
              <a:rPr lang="da-DK" smtClean="0"/>
              <a:t>09-04-2026</a:t>
            </a:fld>
            <a:r>
              <a:rPr lang="da-DK"/>
              <a:t>02-05-2025</a:t>
            </a:r>
          </a:p>
        </p:txBody>
      </p:sp>
      <p:sp>
        <p:nvSpPr>
          <p:cNvPr id="3" name="Footer Placeholder 2" hidden="1"/>
          <p:cNvSpPr>
            <a:spLocks noGrp="1"/>
          </p:cNvSpPr>
          <p:nvPr>
            <p:ph type="ftr" sz="quarter" idx="3"/>
          </p:nvPr>
        </p:nvSpPr>
        <p:spPr>
          <a:xfrm>
            <a:off x="0" y="7020000"/>
            <a:ext cx="0" cy="0"/>
          </a:xfrm>
          <a:prstGeom prst="rect">
            <a:avLst/>
          </a:prstGeom>
        </p:spPr>
        <p:txBody>
          <a:bodyPr vert="horz" lIns="91440" tIns="45720" rIns="91440" bIns="45720" rtlCol="0" anchor="ctr"/>
          <a:lstStyle>
            <a:lvl1pPr algn="ctr">
              <a:defRPr sz="100">
                <a:noFill/>
              </a:defRPr>
            </a:lvl1pPr>
          </a:lstStyle>
          <a:p>
            <a:endParaRPr lang="da-DK"/>
          </a:p>
        </p:txBody>
      </p:sp>
    </p:spTree>
    <p:extLst>
      <p:ext uri="{BB962C8B-B14F-4D97-AF65-F5344CB8AC3E}">
        <p14:creationId xmlns:p14="http://schemas.microsoft.com/office/powerpoint/2010/main" val="1964521876"/>
      </p:ext>
    </p:extLst>
  </p:cSld>
  <p:clrMap bg1="lt1" tx1="dk1" bg2="lt2" tx2="dk2" accent1="accent1" accent2="accent2" accent3="accent3" accent4="accent4" accent5="accent5" accent6="accent6" hlink="hlink" folHlink="folHlink"/>
  <p:sldLayoutIdLst>
    <p:sldLayoutId id="2147483736" r:id="rId1"/>
    <p:sldLayoutId id="2147483737" r:id="rId2"/>
    <p:sldLayoutId id="2147483738" r:id="rId3"/>
    <p:sldLayoutId id="2147483739" r:id="rId4"/>
    <p:sldLayoutId id="2147483740" r:id="rId5"/>
    <p:sldLayoutId id="2147483741" r:id="rId6"/>
    <p:sldLayoutId id="2147483742" r:id="rId7"/>
    <p:sldLayoutId id="2147483743" r:id="rId8"/>
    <p:sldLayoutId id="2147483744" r:id="rId9"/>
    <p:sldLayoutId id="2147483745" r:id="rId10"/>
    <p:sldLayoutId id="2147483746" r:id="rId11"/>
    <p:sldLayoutId id="2147483747" r:id="rId12"/>
    <p:sldLayoutId id="2147483748" r:id="rId13"/>
    <p:sldLayoutId id="2147483749" r:id="rId14"/>
    <p:sldLayoutId id="2147483750" r:id="rId15"/>
    <p:sldLayoutId id="2147483751" r:id="rId16"/>
    <p:sldLayoutId id="2147483752" r:id="rId17"/>
    <p:sldLayoutId id="2147483753" r:id="rId18"/>
    <p:sldLayoutId id="2147483754" r:id="rId19"/>
    <p:sldLayoutId id="2147483755" r:id="rId20"/>
    <p:sldLayoutId id="2147483756" r:id="rId21"/>
  </p:sldLayoutIdLst>
  <p:hf hdr="0" ftr="0"/>
  <p:txStyles>
    <p:titleStyle>
      <a:lvl1pPr algn="l" rtl="0" eaLnBrk="1" fontAlgn="base" hangingPunct="1">
        <a:lnSpc>
          <a:spcPct val="89000"/>
        </a:lnSpc>
        <a:spcBef>
          <a:spcPct val="0"/>
        </a:spcBef>
        <a:spcAft>
          <a:spcPct val="0"/>
        </a:spcAft>
        <a:defRPr sz="4500" b="1" cap="all" baseline="0">
          <a:solidFill>
            <a:schemeClr val="tx1"/>
          </a:solidFill>
          <a:latin typeface="+mj-lt"/>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p:titleStyle>
    <p:bodyStyle>
      <a:lvl1pPr marL="0" indent="0" algn="l" rtl="0" eaLnBrk="1" fontAlgn="base" hangingPunct="1">
        <a:lnSpc>
          <a:spcPct val="99000"/>
        </a:lnSpc>
        <a:spcBef>
          <a:spcPts val="600"/>
        </a:spcBef>
        <a:spcAft>
          <a:spcPct val="0"/>
        </a:spcAft>
        <a:buClr>
          <a:schemeClr val="tx1"/>
        </a:buClr>
        <a:buSzPct val="100000"/>
        <a:buFont typeface="Calibri" panose="020F0502020204030204" pitchFamily="34" charset="0"/>
        <a:buChar char="​"/>
        <a:defRPr sz="2000" b="0">
          <a:solidFill>
            <a:schemeClr val="tx1"/>
          </a:solidFill>
          <a:latin typeface="+mn-lt"/>
          <a:ea typeface="+mn-ea"/>
          <a:cs typeface="+mn-cs"/>
        </a:defRPr>
      </a:lvl1pPr>
      <a:lvl2pPr marL="43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2pPr>
      <a:lvl3pPr marL="756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3pPr>
      <a:lvl4pPr marL="115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4pPr>
      <a:lvl5pPr marL="151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5pPr>
      <a:lvl6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6pPr>
      <a:lvl7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7pPr>
      <a:lvl8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8pPr>
      <a:lvl9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orient="horz" pos="3715">
          <p15:clr>
            <a:srgbClr val="000000"/>
          </p15:clr>
        </p15:guide>
        <p15:guide id="5" orient="horz" pos="4110">
          <p15:clr>
            <a:srgbClr val="A4A3A4"/>
          </p15:clr>
        </p15:guide>
        <p15:guide id="6" pos="7479">
          <p15:clr>
            <a:srgbClr val="A4A3A4"/>
          </p15:clr>
        </p15:guide>
        <p15:guide id="7" orient="horz" pos="1234">
          <p15:clr>
            <a:srgbClr val="000000"/>
          </p15:clr>
        </p15:guide>
        <p15:guide id="8" pos="7059">
          <p15:clr>
            <a:srgbClr val="000000"/>
          </p15:clr>
        </p15:guide>
        <p15:guide id="9" pos="199">
          <p15:clr>
            <a:srgbClr val="A4A3A4"/>
          </p15:clr>
        </p15:guide>
        <p15:guide id="10" pos="621">
          <p15:clr>
            <a:srgbClr val="000000"/>
          </p15:clr>
        </p15:guide>
        <p15:guide id="11" orient="horz" pos="199">
          <p15:clr>
            <a:srgbClr val="A4A3A4"/>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027" name="Placeholder title 1"/>
          <p:cNvSpPr>
            <a:spLocks noGrp="1" noChangeArrowheads="1"/>
          </p:cNvSpPr>
          <p:nvPr>
            <p:ph type="title"/>
          </p:nvPr>
        </p:nvSpPr>
        <p:spPr bwMode="auto">
          <a:xfrm>
            <a:off x="315913" y="149115"/>
            <a:ext cx="11557000" cy="1309328"/>
          </a:xfrm>
          <a:prstGeom prst="rect">
            <a:avLst/>
          </a:prstGeom>
          <a:noFill/>
          <a:ln w="9525">
            <a:noFill/>
            <a:miter lim="800000"/>
            <a:headEnd/>
            <a:tailEnd/>
          </a:ln>
        </p:spPr>
        <p:txBody>
          <a:bodyPr vert="horz" wrap="square" lIns="0" tIns="0" rIns="0" bIns="0" numCol="1" anchor="b" anchorCtr="0" compatLnSpc="1">
            <a:prstTxWarp prst="textNoShape">
              <a:avLst/>
            </a:prstTxWarp>
          </a:bodyPr>
          <a:lstStyle/>
          <a:p>
            <a:pPr lvl="0"/>
            <a:r>
              <a:rPr lang="da-DK" noProof="0"/>
              <a:t>Click to edit Master title style</a:t>
            </a:r>
            <a:endParaRPr lang="da-DK"/>
          </a:p>
        </p:txBody>
      </p:sp>
      <p:sp>
        <p:nvSpPr>
          <p:cNvPr id="1028" name="Rectangle 2"/>
          <p:cNvSpPr>
            <a:spLocks noGrp="1" noChangeArrowheads="1"/>
          </p:cNvSpPr>
          <p:nvPr>
            <p:ph type="body" idx="1"/>
          </p:nvPr>
        </p:nvSpPr>
        <p:spPr bwMode="auto">
          <a:xfrm>
            <a:off x="985838" y="1960079"/>
            <a:ext cx="10220325" cy="3937484"/>
          </a:xfrm>
          <a:prstGeom prst="rect">
            <a:avLst/>
          </a:prstGeom>
          <a:noFill/>
          <a:ln w="9525">
            <a:noFill/>
            <a:miter lim="800000"/>
            <a:headEnd/>
            <a:tailEnd/>
          </a:ln>
        </p:spPr>
        <p:txBody>
          <a:bodyPr vert="horz" wrap="square" lIns="0" tIns="0" rIns="0" bIns="0" numCol="1" anchor="t" anchorCtr="0" compatLnSpc="1">
            <a:prstTxWarp prst="textNoShape">
              <a:avLst/>
            </a:prstTxWarp>
          </a:bodyPr>
          <a:lstStyle/>
          <a:p>
            <a:pPr lvl="0"/>
            <a:r>
              <a:rPr lang="da-DK" noProof="0"/>
              <a:t>Click to edit Master text styles</a:t>
            </a:r>
            <a:endParaRPr lang="da-DK"/>
          </a:p>
          <a:p>
            <a:pPr lvl="1"/>
            <a:r>
              <a:rPr lang="da-DK" noProof="0"/>
              <a:t>Second level</a:t>
            </a:r>
            <a:endParaRPr lang="da-DK"/>
          </a:p>
          <a:p>
            <a:pPr lvl="2"/>
            <a:r>
              <a:rPr lang="da-DK" noProof="0"/>
              <a:t>Third level</a:t>
            </a:r>
            <a:endParaRPr lang="da-DK"/>
          </a:p>
          <a:p>
            <a:pPr lvl="3"/>
            <a:r>
              <a:rPr lang="da-DK" noProof="0"/>
              <a:t>Fourth level</a:t>
            </a:r>
            <a:endParaRPr lang="da-DK"/>
          </a:p>
          <a:p>
            <a:pPr lvl="4"/>
            <a:r>
              <a:rPr lang="da-DK" noProof="0"/>
              <a:t>Fifth level</a:t>
            </a:r>
            <a:endParaRPr lang="da-DK"/>
          </a:p>
          <a:p>
            <a:pPr lvl="5"/>
            <a:r>
              <a:rPr lang="da-DK" noProof="0"/>
              <a:t>6 level</a:t>
            </a:r>
            <a:endParaRPr lang="da-DK"/>
          </a:p>
          <a:p>
            <a:pPr lvl="6"/>
            <a:r>
              <a:rPr lang="da-DK" noProof="0"/>
              <a:t>7 level</a:t>
            </a:r>
            <a:endParaRPr lang="da-DK"/>
          </a:p>
          <a:p>
            <a:pPr lvl="7"/>
            <a:r>
              <a:rPr lang="da-DK" noProof="0"/>
              <a:t>8 level</a:t>
            </a:r>
            <a:endParaRPr lang="da-DK"/>
          </a:p>
          <a:p>
            <a:pPr lvl="8"/>
            <a:r>
              <a:rPr lang="da-DK" noProof="0"/>
              <a:t>9 level</a:t>
            </a:r>
            <a:endParaRPr lang="da-DK"/>
          </a:p>
        </p:txBody>
      </p:sp>
      <p:sp>
        <p:nvSpPr>
          <p:cNvPr id="33" name="SecondaryLogo_sort"/>
          <p:cNvSpPr>
            <a:spLocks noChangeArrowheads="1"/>
          </p:cNvSpPr>
          <p:nvPr/>
        </p:nvSpPr>
        <p:spPr bwMode="auto">
          <a:xfrm>
            <a:off x="10206000" y="5999002"/>
            <a:ext cx="1666800" cy="558000"/>
          </a:xfrm>
          <a:prstGeom prst="rect">
            <a:avLst/>
          </a:prstGeom>
          <a:solidFill>
            <a:schemeClr val="bg1">
              <a:alpha val="0"/>
            </a:schemeClr>
          </a:solidFill>
          <a:ln w="1778" algn="ctr">
            <a:noFill/>
            <a:miter lim="800000"/>
            <a:headEnd/>
            <a:tailEnd/>
          </a:ln>
          <a:effectLst/>
        </p:spPr>
        <p:txBody>
          <a:bodyPr wrap="square" lIns="0" tIns="0" rIns="0" bIns="0" anchor="ctr">
            <a:noAutofit/>
          </a:bodyPr>
          <a:lstStyle/>
          <a:p>
            <a:pPr>
              <a:defRPr/>
            </a:pPr>
            <a:endParaRPr lang="da-DK" sz="700" b="0">
              <a:latin typeface="+mn-lt"/>
            </a:endParaRPr>
          </a:p>
        </p:txBody>
      </p:sp>
      <p:sp>
        <p:nvSpPr>
          <p:cNvPr id="19" name="FLD_Event"/>
          <p:cNvSpPr txBox="1">
            <a:spLocks noChangeArrowheads="1"/>
          </p:cNvSpPr>
          <p:nvPr userDrawn="1"/>
        </p:nvSpPr>
        <p:spPr bwMode="auto">
          <a:xfrm>
            <a:off x="3691333" y="5997600"/>
            <a:ext cx="2271840" cy="447676"/>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endParaRPr lang="da-DK" sz="700" b="0" cap="all" baseline="0">
              <a:solidFill>
                <a:schemeClr val="tx1"/>
              </a:solidFill>
              <a:latin typeface="+mn-lt"/>
            </a:endParaRPr>
          </a:p>
        </p:txBody>
      </p:sp>
      <p:pic>
        <p:nvPicPr>
          <p:cNvPr id="7" name="Au logo"/>
          <p:cNvPicPr>
            <a:picLocks noChangeAspect="1"/>
          </p:cNvPicPr>
          <p:nvPr userDrawn="1"/>
        </p:nvPicPr>
        <p:blipFill>
          <a:blip r:embed="rId23" cstate="print">
            <a:extLst>
              <a:ext uri="{28A0092B-C50C-407E-A947-70E740481C1C}">
                <a14:useLocalDpi xmlns:a14="http://schemas.microsoft.com/office/drawing/2010/main" val="0"/>
              </a:ext>
            </a:extLst>
          </a:blip>
          <a:stretch>
            <a:fillRect/>
          </a:stretch>
        </p:blipFill>
        <p:spPr>
          <a:xfrm>
            <a:off x="302400" y="5999002"/>
            <a:ext cx="557570" cy="558000"/>
          </a:xfrm>
          <a:prstGeom prst="rect">
            <a:avLst/>
          </a:prstGeom>
        </p:spPr>
      </p:pic>
      <p:sp>
        <p:nvSpPr>
          <p:cNvPr id="25"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tx1"/>
              </a:solidFill>
              <a:latin typeface="AU Passata Light" pitchFamily="34" charset="0"/>
            </a:endParaRPr>
          </a:p>
        </p:txBody>
      </p:sp>
      <p:sp>
        <p:nvSpPr>
          <p:cNvPr id="26"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endParaRPr kumimoji="0" lang="da-DK" sz="1000" b="0" i="0" u="none" strike="noStrike" cap="all" normalizeH="0" baseline="0" noProof="1">
              <a:ln>
                <a:noFill/>
              </a:ln>
              <a:solidFill>
                <a:schemeClr val="tx1"/>
              </a:solidFill>
              <a:effectLst/>
              <a:latin typeface="AU Passata" pitchFamily="34" charset="0"/>
            </a:endParaRPr>
          </a:p>
        </p:txBody>
      </p:sp>
      <p:sp>
        <p:nvSpPr>
          <p:cNvPr id="1030" name="Sidetal"/>
          <p:cNvSpPr>
            <a:spLocks noGrp="1" noChangeArrowheads="1"/>
          </p:cNvSpPr>
          <p:nvPr>
            <p:ph type="sldNum" sz="quarter" idx="4"/>
          </p:nvPr>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lvl1pPr algn="r">
              <a:lnSpc>
                <a:spcPts val="1200"/>
              </a:lnSpc>
              <a:buFontTx/>
              <a:buNone/>
              <a:defRPr sz="700" spc="40" baseline="0">
                <a:solidFill>
                  <a:schemeClr val="tx1"/>
                </a:solidFill>
                <a:latin typeface="+mn-lt"/>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2"/>
          </p:nvPr>
        </p:nvSpPr>
        <p:spPr>
          <a:xfrm>
            <a:off x="0" y="7020000"/>
            <a:ext cx="0" cy="0"/>
          </a:xfrm>
          <a:prstGeom prst="rect">
            <a:avLst/>
          </a:prstGeom>
        </p:spPr>
        <p:txBody>
          <a:bodyPr vert="horz" lIns="91440" tIns="45720" rIns="91440" bIns="45720" rtlCol="0" anchor="ctr"/>
          <a:lstStyle>
            <a:lvl1pPr algn="l">
              <a:defRPr sz="100">
                <a:noFill/>
              </a:defRPr>
            </a:lvl1pPr>
          </a:lstStyle>
          <a:p>
            <a:fld id="{AF00BBAE-E4EB-4E69-BD2C-01F99EBF33FB}" type="datetime1">
              <a:rPr lang="da-DK" smtClean="0"/>
              <a:t>09-04-2026</a:t>
            </a:fld>
            <a:r>
              <a:rPr lang="da-DK"/>
              <a:t>02-05-2025</a:t>
            </a:r>
          </a:p>
        </p:txBody>
      </p:sp>
      <p:sp>
        <p:nvSpPr>
          <p:cNvPr id="3" name="Footer Placeholder 2" hidden="1"/>
          <p:cNvSpPr>
            <a:spLocks noGrp="1"/>
          </p:cNvSpPr>
          <p:nvPr>
            <p:ph type="ftr" sz="quarter" idx="3"/>
          </p:nvPr>
        </p:nvSpPr>
        <p:spPr>
          <a:xfrm>
            <a:off x="0" y="7020000"/>
            <a:ext cx="0" cy="0"/>
          </a:xfrm>
          <a:prstGeom prst="rect">
            <a:avLst/>
          </a:prstGeom>
        </p:spPr>
        <p:txBody>
          <a:bodyPr vert="horz" lIns="91440" tIns="45720" rIns="91440" bIns="45720" rtlCol="0" anchor="ctr"/>
          <a:lstStyle>
            <a:lvl1pPr algn="ctr">
              <a:defRPr sz="100">
                <a:noFill/>
              </a:defRPr>
            </a:lvl1pPr>
          </a:lstStyle>
          <a:p>
            <a:endParaRPr lang="da-DK"/>
          </a:p>
        </p:txBody>
      </p:sp>
    </p:spTree>
    <p:extLst>
      <p:ext uri="{BB962C8B-B14F-4D97-AF65-F5344CB8AC3E}">
        <p14:creationId xmlns:p14="http://schemas.microsoft.com/office/powerpoint/2010/main" val="3211643452"/>
      </p:ext>
    </p:extLst>
  </p:cSld>
  <p:clrMap bg1="lt1" tx1="dk1" bg2="lt2" tx2="dk2" accent1="accent1" accent2="accent2" accent3="accent3" accent4="accent4" accent5="accent5" accent6="accent6" hlink="hlink" folHlink="folHlink"/>
  <p:sldLayoutIdLst>
    <p:sldLayoutId id="2147483760" r:id="rId1"/>
    <p:sldLayoutId id="2147483761" r:id="rId2"/>
    <p:sldLayoutId id="2147483762" r:id="rId3"/>
    <p:sldLayoutId id="2147483763" r:id="rId4"/>
    <p:sldLayoutId id="2147483764" r:id="rId5"/>
    <p:sldLayoutId id="2147483765" r:id="rId6"/>
    <p:sldLayoutId id="2147483766" r:id="rId7"/>
    <p:sldLayoutId id="2147483767" r:id="rId8"/>
    <p:sldLayoutId id="2147483768" r:id="rId9"/>
    <p:sldLayoutId id="2147483769" r:id="rId10"/>
    <p:sldLayoutId id="2147483770" r:id="rId11"/>
    <p:sldLayoutId id="2147483771" r:id="rId12"/>
    <p:sldLayoutId id="2147483772" r:id="rId13"/>
    <p:sldLayoutId id="2147483773" r:id="rId14"/>
    <p:sldLayoutId id="2147483774" r:id="rId15"/>
    <p:sldLayoutId id="2147483775" r:id="rId16"/>
    <p:sldLayoutId id="2147483776" r:id="rId17"/>
    <p:sldLayoutId id="2147483777" r:id="rId18"/>
    <p:sldLayoutId id="2147483778" r:id="rId19"/>
    <p:sldLayoutId id="2147483779" r:id="rId20"/>
    <p:sldLayoutId id="2147483781" r:id="rId21"/>
  </p:sldLayoutIdLst>
  <p:hf hdr="0" ftr="0"/>
  <p:txStyles>
    <p:titleStyle>
      <a:lvl1pPr algn="l" rtl="0" eaLnBrk="1" fontAlgn="base" hangingPunct="1">
        <a:lnSpc>
          <a:spcPct val="89000"/>
        </a:lnSpc>
        <a:spcBef>
          <a:spcPct val="0"/>
        </a:spcBef>
        <a:spcAft>
          <a:spcPct val="0"/>
        </a:spcAft>
        <a:defRPr sz="4500" b="1" cap="all" baseline="0">
          <a:solidFill>
            <a:schemeClr val="tx1"/>
          </a:solidFill>
          <a:latin typeface="+mj-lt"/>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p:titleStyle>
    <p:bodyStyle>
      <a:lvl1pPr marL="0" indent="0" algn="l" rtl="0" eaLnBrk="1" fontAlgn="base" hangingPunct="1">
        <a:lnSpc>
          <a:spcPct val="99000"/>
        </a:lnSpc>
        <a:spcBef>
          <a:spcPts val="600"/>
        </a:spcBef>
        <a:spcAft>
          <a:spcPct val="0"/>
        </a:spcAft>
        <a:buClr>
          <a:schemeClr val="tx1"/>
        </a:buClr>
        <a:buSzPct val="100000"/>
        <a:buFont typeface="Calibri" panose="020F0502020204030204" pitchFamily="34" charset="0"/>
        <a:buChar char="​"/>
        <a:defRPr sz="2000" b="0">
          <a:solidFill>
            <a:schemeClr val="tx1"/>
          </a:solidFill>
          <a:latin typeface="+mn-lt"/>
          <a:ea typeface="+mn-ea"/>
          <a:cs typeface="+mn-cs"/>
        </a:defRPr>
      </a:lvl1pPr>
      <a:lvl2pPr marL="43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2pPr>
      <a:lvl3pPr marL="756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3pPr>
      <a:lvl4pPr marL="115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4pPr>
      <a:lvl5pPr marL="151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5pPr>
      <a:lvl6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6pPr>
      <a:lvl7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7pPr>
      <a:lvl8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8pPr>
      <a:lvl9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orient="horz" pos="3715">
          <p15:clr>
            <a:srgbClr val="000000"/>
          </p15:clr>
        </p15:guide>
        <p15:guide id="5" orient="horz" pos="4110">
          <p15:clr>
            <a:srgbClr val="A4A3A4"/>
          </p15:clr>
        </p15:guide>
        <p15:guide id="6" pos="7479">
          <p15:clr>
            <a:srgbClr val="A4A3A4"/>
          </p15:clr>
        </p15:guide>
        <p15:guide id="7" orient="horz" pos="1234">
          <p15:clr>
            <a:srgbClr val="000000"/>
          </p15:clr>
        </p15:guide>
        <p15:guide id="8" pos="7059">
          <p15:clr>
            <a:srgbClr val="000000"/>
          </p15:clr>
        </p15:guide>
        <p15:guide id="9" pos="199">
          <p15:clr>
            <a:srgbClr val="A4A3A4"/>
          </p15:clr>
        </p15:guide>
        <p15:guide id="10" pos="621">
          <p15:clr>
            <a:srgbClr val="000000"/>
          </p15:clr>
        </p15:guide>
        <p15:guide id="11" orient="horz" pos="199">
          <p15:clr>
            <a:srgbClr val="A4A3A4"/>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027" name="Placeholder title 1"/>
          <p:cNvSpPr>
            <a:spLocks noGrp="1" noChangeArrowheads="1"/>
          </p:cNvSpPr>
          <p:nvPr>
            <p:ph type="title"/>
          </p:nvPr>
        </p:nvSpPr>
        <p:spPr bwMode="auto">
          <a:xfrm>
            <a:off x="315913" y="149115"/>
            <a:ext cx="11557000" cy="1309328"/>
          </a:xfrm>
          <a:prstGeom prst="rect">
            <a:avLst/>
          </a:prstGeom>
          <a:noFill/>
          <a:ln w="9525">
            <a:noFill/>
            <a:miter lim="800000"/>
            <a:headEnd/>
            <a:tailEnd/>
          </a:ln>
        </p:spPr>
        <p:txBody>
          <a:bodyPr vert="horz" wrap="square" lIns="0" tIns="0" rIns="0" bIns="0" numCol="1" anchor="b" anchorCtr="0" compatLnSpc="1">
            <a:prstTxWarp prst="textNoShape">
              <a:avLst/>
            </a:prstTxWarp>
          </a:bodyPr>
          <a:lstStyle/>
          <a:p>
            <a:pPr lvl="0"/>
            <a:r>
              <a:rPr lang="da-DK"/>
              <a:t>Klik for at indsætte titel </a:t>
            </a:r>
            <a:br>
              <a:rPr lang="da-DK"/>
            </a:br>
            <a:endParaRPr lang="da-DK"/>
          </a:p>
        </p:txBody>
      </p:sp>
      <p:sp>
        <p:nvSpPr>
          <p:cNvPr id="1028" name="Rectangle 2"/>
          <p:cNvSpPr>
            <a:spLocks noGrp="1" noChangeArrowheads="1"/>
          </p:cNvSpPr>
          <p:nvPr>
            <p:ph type="body" idx="1"/>
          </p:nvPr>
        </p:nvSpPr>
        <p:spPr bwMode="auto">
          <a:xfrm>
            <a:off x="985838" y="1960079"/>
            <a:ext cx="10220325" cy="3937484"/>
          </a:xfrm>
          <a:prstGeom prst="rect">
            <a:avLst/>
          </a:prstGeom>
          <a:noFill/>
          <a:ln w="9525">
            <a:noFill/>
            <a:miter lim="800000"/>
            <a:headEnd/>
            <a:tailEnd/>
          </a:ln>
        </p:spPr>
        <p:txBody>
          <a:bodyPr vert="horz" wrap="square" lIns="0" tIns="0" rIns="0" bIns="0" numCol="1" anchor="t" anchorCtr="0" compatLnSpc="1">
            <a:prstTxWarp prst="textNoShape">
              <a:avLst/>
            </a:prstTxWarp>
          </a:body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pic>
        <p:nvPicPr>
          <p:cNvPr id="7" name="Au logo"/>
          <p:cNvPicPr>
            <a:picLocks noChangeAspect="1"/>
          </p:cNvPicPr>
          <p:nvPr userDrawn="1"/>
        </p:nvPicPr>
        <p:blipFill>
          <a:blip r:embed="rId33" cstate="print">
            <a:duotone>
              <a:schemeClr val="accent5">
                <a:shade val="45000"/>
                <a:satMod val="135000"/>
              </a:schemeClr>
              <a:prstClr val="white"/>
            </a:duotone>
            <a:extLst>
              <a:ext uri="{28A0092B-C50C-407E-A947-70E740481C1C}">
                <a14:useLocalDpi xmlns:a14="http://schemas.microsoft.com/office/drawing/2010/main" val="0"/>
              </a:ext>
            </a:extLst>
          </a:blip>
          <a:stretch>
            <a:fillRect/>
          </a:stretch>
        </p:blipFill>
        <p:spPr>
          <a:xfrm>
            <a:off x="302400" y="5999002"/>
            <a:ext cx="557570" cy="558000"/>
          </a:xfrm>
          <a:prstGeom prst="rect">
            <a:avLst/>
          </a:prstGeom>
        </p:spPr>
      </p:pic>
      <p:sp>
        <p:nvSpPr>
          <p:cNvPr id="25"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tx1"/>
              </a:solidFill>
              <a:latin typeface="AU Passata Light" pitchFamily="34" charset="0"/>
            </a:endParaRPr>
          </a:p>
        </p:txBody>
      </p:sp>
      <p:sp>
        <p:nvSpPr>
          <p:cNvPr id="26" name="OFF_logo1Computed"/>
          <p:cNvSpPr/>
          <p:nvPr userDrawn="1"/>
        </p:nvSpPr>
        <p:spPr bwMode="auto">
          <a:xfrm>
            <a:off x="971999" y="5997600"/>
            <a:ext cx="65"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tx1"/>
                </a:solidFill>
                <a:effectLst/>
                <a:latin typeface="AU Passata" pitchFamily="34" charset="0"/>
              </a:rPr>
              <a:t>Aarhus
Universitet</a:t>
            </a:r>
          </a:p>
        </p:txBody>
      </p:sp>
      <p:sp>
        <p:nvSpPr>
          <p:cNvPr id="1030" name="Sidetal"/>
          <p:cNvSpPr>
            <a:spLocks noGrp="1" noChangeArrowheads="1"/>
          </p:cNvSpPr>
          <p:nvPr>
            <p:ph type="sldNum" sz="quarter" idx="4"/>
          </p:nvPr>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lvl1pPr algn="r">
              <a:lnSpc>
                <a:spcPts val="1200"/>
              </a:lnSpc>
              <a:buFontTx/>
              <a:buNone/>
              <a:defRPr sz="700" spc="40" baseline="0">
                <a:solidFill>
                  <a:schemeClr val="tx1"/>
                </a:solidFill>
                <a:latin typeface="+mn-lt"/>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2"/>
          </p:nvPr>
        </p:nvSpPr>
        <p:spPr>
          <a:xfrm>
            <a:off x="0" y="7020000"/>
            <a:ext cx="0" cy="0"/>
          </a:xfrm>
          <a:prstGeom prst="rect">
            <a:avLst/>
          </a:prstGeom>
        </p:spPr>
        <p:txBody>
          <a:bodyPr vert="horz" lIns="91440" tIns="45720" rIns="91440" bIns="45720" rtlCol="0" anchor="ctr"/>
          <a:lstStyle>
            <a:lvl1pPr algn="l">
              <a:defRPr sz="100">
                <a:noFill/>
              </a:defRPr>
            </a:lvl1pPr>
          </a:lstStyle>
          <a:p>
            <a:fld id="{260D035A-8545-475F-8D57-9A7A4028CBFF}" type="datetime1">
              <a:rPr lang="da-DK" smtClean="0"/>
              <a:t>09-04-2026</a:t>
            </a:fld>
            <a:r>
              <a:rPr lang="da-DK"/>
              <a:t>18-08-2024</a:t>
            </a:r>
          </a:p>
        </p:txBody>
      </p:sp>
    </p:spTree>
    <p:extLst>
      <p:ext uri="{BB962C8B-B14F-4D97-AF65-F5344CB8AC3E}">
        <p14:creationId xmlns:p14="http://schemas.microsoft.com/office/powerpoint/2010/main" val="673197346"/>
      </p:ext>
    </p:extLst>
  </p:cSld>
  <p:clrMap bg1="lt1" tx1="dk1" bg2="lt2" tx2="dk2" accent1="accent1" accent2="accent2" accent3="accent3" accent4="accent4" accent5="accent5" accent6="accent6" hlink="hlink" folHlink="folHlink"/>
  <p:sldLayoutIdLst>
    <p:sldLayoutId id="2147483783" r:id="rId1"/>
    <p:sldLayoutId id="2147483784" r:id="rId2"/>
    <p:sldLayoutId id="2147483785" r:id="rId3"/>
    <p:sldLayoutId id="2147483786" r:id="rId4"/>
    <p:sldLayoutId id="2147483787" r:id="rId5"/>
    <p:sldLayoutId id="2147483788" r:id="rId6"/>
    <p:sldLayoutId id="2147483789" r:id="rId7"/>
    <p:sldLayoutId id="2147483790" r:id="rId8"/>
    <p:sldLayoutId id="2147483791" r:id="rId9"/>
    <p:sldLayoutId id="2147483792" r:id="rId10"/>
    <p:sldLayoutId id="2147483793" r:id="rId11"/>
    <p:sldLayoutId id="2147483794" r:id="rId12"/>
    <p:sldLayoutId id="2147483795" r:id="rId13"/>
    <p:sldLayoutId id="2147483796" r:id="rId14"/>
    <p:sldLayoutId id="2147483797" r:id="rId15"/>
    <p:sldLayoutId id="2147483798" r:id="rId16"/>
    <p:sldLayoutId id="2147483799" r:id="rId17"/>
    <p:sldLayoutId id="2147483800" r:id="rId18"/>
    <p:sldLayoutId id="2147483801" r:id="rId19"/>
    <p:sldLayoutId id="2147483802" r:id="rId20"/>
    <p:sldLayoutId id="2147483803" r:id="rId21"/>
    <p:sldLayoutId id="2147483804" r:id="rId22"/>
    <p:sldLayoutId id="2147483805" r:id="rId23"/>
    <p:sldLayoutId id="2147483806" r:id="rId24"/>
    <p:sldLayoutId id="2147483807" r:id="rId25"/>
    <p:sldLayoutId id="2147483808" r:id="rId26"/>
    <p:sldLayoutId id="2147483809" r:id="rId27"/>
    <p:sldLayoutId id="2147483810" r:id="rId28"/>
    <p:sldLayoutId id="2147483811" r:id="rId29"/>
    <p:sldLayoutId id="2147483812" r:id="rId30"/>
    <p:sldLayoutId id="2147483813" r:id="rId31"/>
  </p:sldLayoutIdLst>
  <p:hf hdr="0" ftr="0"/>
  <p:txStyles>
    <p:titleStyle>
      <a:lvl1pPr algn="l" rtl="0" eaLnBrk="1" fontAlgn="base" hangingPunct="1">
        <a:lnSpc>
          <a:spcPct val="89000"/>
        </a:lnSpc>
        <a:spcBef>
          <a:spcPct val="0"/>
        </a:spcBef>
        <a:spcAft>
          <a:spcPct val="0"/>
        </a:spcAft>
        <a:defRPr sz="4500" b="1" cap="none" baseline="0">
          <a:solidFill>
            <a:schemeClr val="tx1"/>
          </a:solidFill>
          <a:latin typeface="+mj-lt"/>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p:titleStyle>
    <p:bodyStyle>
      <a:lvl1pPr marL="0" indent="0" algn="l" rtl="0" eaLnBrk="1" fontAlgn="base" hangingPunct="1">
        <a:lnSpc>
          <a:spcPct val="90000"/>
        </a:lnSpc>
        <a:spcBef>
          <a:spcPts val="600"/>
        </a:spcBef>
        <a:spcAft>
          <a:spcPct val="0"/>
        </a:spcAft>
        <a:buClr>
          <a:schemeClr val="tx1"/>
        </a:buClr>
        <a:buSzPct val="100000"/>
        <a:buFont typeface="Calibri" panose="020F0502020204030204" pitchFamily="34" charset="0"/>
        <a:buChar char="​"/>
        <a:defRPr sz="2000" b="0">
          <a:solidFill>
            <a:schemeClr val="tx1"/>
          </a:solidFill>
          <a:latin typeface="+mn-lt"/>
          <a:ea typeface="+mn-ea"/>
          <a:cs typeface="+mn-cs"/>
        </a:defRPr>
      </a:lvl1pPr>
      <a:lvl2pPr marL="432000" indent="-180000"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2pPr>
      <a:lvl3pPr marL="756000" indent="-180000"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3pPr>
      <a:lvl4pPr marL="1152000" indent="-180000"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4pPr>
      <a:lvl5pPr marL="1512000" indent="-180000"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5pPr>
      <a:lvl6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6pPr>
      <a:lvl7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7pPr>
      <a:lvl8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8pPr>
      <a:lvl9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orient="horz" pos="3715">
          <p15:clr>
            <a:srgbClr val="000000"/>
          </p15:clr>
        </p15:guide>
        <p15:guide id="5" orient="horz" pos="4131">
          <p15:clr>
            <a:srgbClr val="A4A3A4"/>
          </p15:clr>
        </p15:guide>
        <p15:guide id="6" pos="7479">
          <p15:clr>
            <a:srgbClr val="A4A3A4"/>
          </p15:clr>
        </p15:guide>
        <p15:guide id="7" orient="horz" pos="1234">
          <p15:clr>
            <a:srgbClr val="000000"/>
          </p15:clr>
        </p15:guide>
        <p15:guide id="8" pos="7059">
          <p15:clr>
            <a:srgbClr val="000000"/>
          </p15:clr>
        </p15:guide>
        <p15:guide id="9" pos="210">
          <p15:clr>
            <a:srgbClr val="A4A3A4"/>
          </p15:clr>
        </p15:guide>
        <p15:guide id="10" pos="618">
          <p15:clr>
            <a:srgbClr val="000000"/>
          </p15:clr>
        </p15:guide>
        <p15:guide id="11" orient="horz" pos="199">
          <p15:clr>
            <a:srgbClr val="A4A3A4"/>
          </p15:clr>
        </p15:guide>
        <p15:guide id="12" pos="3748">
          <p15:clr>
            <a:srgbClr val="000000"/>
          </p15:clr>
        </p15:guide>
        <p15:guide id="13" pos="3930">
          <p15:clr>
            <a:srgbClr val="000000"/>
          </p15:clr>
        </p15:guide>
      </p15:sldGuideLst>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027" name="Placeholder title 1"/>
          <p:cNvSpPr>
            <a:spLocks noGrp="1" noChangeArrowheads="1"/>
          </p:cNvSpPr>
          <p:nvPr>
            <p:ph type="title"/>
          </p:nvPr>
        </p:nvSpPr>
        <p:spPr bwMode="auto">
          <a:xfrm>
            <a:off x="315913" y="149115"/>
            <a:ext cx="11557000" cy="1309328"/>
          </a:xfrm>
          <a:prstGeom prst="rect">
            <a:avLst/>
          </a:prstGeom>
          <a:noFill/>
          <a:ln w="9525">
            <a:noFill/>
            <a:miter lim="800000"/>
            <a:headEnd/>
            <a:tailEnd/>
          </a:ln>
        </p:spPr>
        <p:txBody>
          <a:bodyPr vert="horz" wrap="square" lIns="0" tIns="0" rIns="0" bIns="0" numCol="1" anchor="b" anchorCtr="0" compatLnSpc="1">
            <a:prstTxWarp prst="textNoShape">
              <a:avLst/>
            </a:prstTxWarp>
          </a:bodyPr>
          <a:lstStyle/>
          <a:p>
            <a:pPr lvl="0"/>
            <a:r>
              <a:rPr lang="da-DK"/>
              <a:t>Klik for at indsætte titel </a:t>
            </a:r>
            <a:br>
              <a:rPr lang="da-DK"/>
            </a:br>
            <a:endParaRPr lang="da-DK"/>
          </a:p>
        </p:txBody>
      </p:sp>
      <p:sp>
        <p:nvSpPr>
          <p:cNvPr id="1028" name="Rectangle 2"/>
          <p:cNvSpPr>
            <a:spLocks noGrp="1" noChangeArrowheads="1"/>
          </p:cNvSpPr>
          <p:nvPr>
            <p:ph type="body" idx="1"/>
          </p:nvPr>
        </p:nvSpPr>
        <p:spPr bwMode="auto">
          <a:xfrm>
            <a:off x="985839" y="1960079"/>
            <a:ext cx="10220325" cy="3937484"/>
          </a:xfrm>
          <a:prstGeom prst="rect">
            <a:avLst/>
          </a:prstGeom>
          <a:noFill/>
          <a:ln w="9525">
            <a:noFill/>
            <a:miter lim="800000"/>
            <a:headEnd/>
            <a:tailEnd/>
          </a:ln>
        </p:spPr>
        <p:txBody>
          <a:bodyPr vert="horz" wrap="square" lIns="0" tIns="0" rIns="0" bIns="0" numCol="1" anchor="t" anchorCtr="0" compatLnSpc="1">
            <a:prstTxWarp prst="textNoShape">
              <a:avLst/>
            </a:prstTxWarp>
          </a:bodyPr>
          <a:lstStyle/>
          <a:p>
            <a:pPr lvl="0"/>
            <a:r>
              <a:rPr lang="da-DK"/>
              <a:t>Klik for at indsætte tekst</a:t>
            </a:r>
          </a:p>
          <a:p>
            <a:pPr lvl="1"/>
            <a:r>
              <a:rPr lang="da-DK"/>
              <a:t>Andet niveau</a:t>
            </a:r>
          </a:p>
          <a:p>
            <a:pPr lvl="2"/>
            <a:r>
              <a:rPr lang="da-DK"/>
              <a:t>Tredje niveau</a:t>
            </a:r>
          </a:p>
          <a:p>
            <a:pPr lvl="3"/>
            <a:r>
              <a:rPr lang="da-DK"/>
              <a:t>Fjerde niveau</a:t>
            </a:r>
          </a:p>
          <a:p>
            <a:pPr lvl="4"/>
            <a:r>
              <a:rPr lang="da-DK"/>
              <a:t>Femte niveau</a:t>
            </a:r>
          </a:p>
        </p:txBody>
      </p:sp>
      <p:pic>
        <p:nvPicPr>
          <p:cNvPr id="7" name="Au logo"/>
          <p:cNvPicPr>
            <a:picLocks noChangeAspect="1"/>
          </p:cNvPicPr>
          <p:nvPr userDrawn="1"/>
        </p:nvPicPr>
        <p:blipFill>
          <a:blip r:embed="rId34" cstate="print">
            <a:duotone>
              <a:schemeClr val="accent5">
                <a:shade val="45000"/>
                <a:satMod val="135000"/>
              </a:schemeClr>
              <a:prstClr val="white"/>
            </a:duotone>
            <a:extLst>
              <a:ext uri="{28A0092B-C50C-407E-A947-70E740481C1C}">
                <a14:useLocalDpi xmlns:a14="http://schemas.microsoft.com/office/drawing/2010/main" val="0"/>
              </a:ext>
            </a:extLst>
          </a:blip>
          <a:stretch>
            <a:fillRect/>
          </a:stretch>
        </p:blipFill>
        <p:spPr>
          <a:xfrm>
            <a:off x="302401" y="5999002"/>
            <a:ext cx="557570" cy="558000"/>
          </a:xfrm>
          <a:prstGeom prst="rect">
            <a:avLst/>
          </a:prstGeom>
        </p:spPr>
      </p:pic>
      <p:sp>
        <p:nvSpPr>
          <p:cNvPr id="25" name="OFF_logo2Computed"/>
          <p:cNvSpPr txBox="1">
            <a:spLocks noChangeArrowheads="1"/>
          </p:cNvSpPr>
          <p:nvPr userDrawn="1"/>
        </p:nvSpPr>
        <p:spPr bwMode="auto">
          <a:xfrm>
            <a:off x="972001" y="5997600"/>
            <a:ext cx="2350045" cy="676612"/>
          </a:xfrm>
          <a:prstGeom prst="rect">
            <a:avLst/>
          </a:prstGeom>
          <a:noFill/>
          <a:ln w="1778" algn="ctr">
            <a:noFill/>
            <a:miter lim="800000"/>
            <a:headEnd/>
            <a:tailEnd/>
          </a:ln>
          <a:effectLst/>
        </p:spPr>
        <p:txBody>
          <a:bodyPr wrap="square" lIns="0" tIns="583048" rIns="0" bIns="0">
            <a:spAutoFit/>
          </a:bodyPr>
          <a:lstStyle/>
          <a:p>
            <a:pPr>
              <a:lnSpc>
                <a:spcPct val="95000"/>
              </a:lnSpc>
              <a:defRPr/>
            </a:pPr>
            <a:endParaRPr lang="da-DK" sz="600" cap="all" spc="40" baseline="0">
              <a:solidFill>
                <a:schemeClr val="tx1"/>
              </a:solidFill>
              <a:latin typeface="AU Passata Light" pitchFamily="34" charset="0"/>
            </a:endParaRPr>
          </a:p>
        </p:txBody>
      </p:sp>
      <p:sp>
        <p:nvSpPr>
          <p:cNvPr id="26" name="OFF_logo1Computed"/>
          <p:cNvSpPr/>
          <p:nvPr userDrawn="1"/>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indent="0" algn="l" defTabSz="914126"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tx1"/>
                </a:solidFill>
                <a:effectLst/>
                <a:latin typeface="AU Passata" pitchFamily="34" charset="0"/>
              </a:rPr>
              <a:t>Aarhus
Universitet</a:t>
            </a:r>
          </a:p>
        </p:txBody>
      </p:sp>
      <p:sp>
        <p:nvSpPr>
          <p:cNvPr id="1030" name="Sidetal"/>
          <p:cNvSpPr>
            <a:spLocks noGrp="1" noChangeArrowheads="1"/>
          </p:cNvSpPr>
          <p:nvPr>
            <p:ph type="sldNum" sz="quarter" idx="4"/>
          </p:nvPr>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lvl1pPr algn="r">
              <a:lnSpc>
                <a:spcPts val="1200"/>
              </a:lnSpc>
              <a:buFontTx/>
              <a:buNone/>
              <a:defRPr sz="700" spc="40" baseline="0">
                <a:solidFill>
                  <a:schemeClr val="tx1"/>
                </a:solidFill>
                <a:latin typeface="+mn-lt"/>
              </a:defRPr>
            </a:lvl1pPr>
          </a:lstStyle>
          <a:p>
            <a:pPr>
              <a:defRPr/>
            </a:pPr>
            <a:fld id="{E90C1E0A-682D-40DC-B1EA-26C007FDC330}" type="slidenum">
              <a:rPr lang="da-DK" smtClean="0"/>
              <a:pPr>
                <a:defRPr/>
              </a:pPr>
              <a:t>‹#›</a:t>
            </a:fld>
            <a:endParaRPr lang="da-DK"/>
          </a:p>
        </p:txBody>
      </p:sp>
      <p:sp>
        <p:nvSpPr>
          <p:cNvPr id="2" name="Date Placeholder 1" hidden="1"/>
          <p:cNvSpPr>
            <a:spLocks noGrp="1"/>
          </p:cNvSpPr>
          <p:nvPr>
            <p:ph type="dt" sz="half" idx="2"/>
          </p:nvPr>
        </p:nvSpPr>
        <p:spPr>
          <a:xfrm>
            <a:off x="0" y="7020000"/>
            <a:ext cx="0" cy="0"/>
          </a:xfrm>
          <a:prstGeom prst="rect">
            <a:avLst/>
          </a:prstGeom>
        </p:spPr>
        <p:txBody>
          <a:bodyPr vert="horz" lIns="91440" tIns="45720" rIns="91440" bIns="45720" rtlCol="0" anchor="ctr"/>
          <a:lstStyle>
            <a:lvl1pPr algn="l">
              <a:defRPr sz="100">
                <a:noFill/>
              </a:defRPr>
            </a:lvl1pPr>
          </a:lstStyle>
          <a:p>
            <a:fld id="{D63AD10B-40C8-4852-8B24-812DCD87D59A}" type="datetime1">
              <a:rPr lang="da-DK" smtClean="0"/>
              <a:t>09-04-2026</a:t>
            </a:fld>
            <a:r>
              <a:rPr lang="da-DK"/>
              <a:t>18-08-2024</a:t>
            </a:r>
          </a:p>
        </p:txBody>
      </p:sp>
    </p:spTree>
    <p:extLst>
      <p:ext uri="{BB962C8B-B14F-4D97-AF65-F5344CB8AC3E}">
        <p14:creationId xmlns:p14="http://schemas.microsoft.com/office/powerpoint/2010/main" val="2846334622"/>
      </p:ext>
    </p:extLst>
  </p:cSld>
  <p:clrMap bg1="lt1" tx1="dk1" bg2="lt2" tx2="dk2" accent1="accent1" accent2="accent2" accent3="accent3" accent4="accent4" accent5="accent5" accent6="accent6" hlink="hlink" folHlink="folHlink"/>
  <p:sldLayoutIdLst>
    <p:sldLayoutId id="2147483815" r:id="rId1"/>
    <p:sldLayoutId id="2147483816" r:id="rId2"/>
    <p:sldLayoutId id="2147483817" r:id="rId3"/>
    <p:sldLayoutId id="2147483818" r:id="rId4"/>
    <p:sldLayoutId id="2147483819" r:id="rId5"/>
    <p:sldLayoutId id="2147483820" r:id="rId6"/>
    <p:sldLayoutId id="2147483821" r:id="rId7"/>
    <p:sldLayoutId id="2147483822" r:id="rId8"/>
    <p:sldLayoutId id="2147483823" r:id="rId9"/>
    <p:sldLayoutId id="2147483824" r:id="rId10"/>
    <p:sldLayoutId id="2147483825" r:id="rId11"/>
    <p:sldLayoutId id="2147483826" r:id="rId12"/>
    <p:sldLayoutId id="2147483827" r:id="rId13"/>
    <p:sldLayoutId id="2147483828" r:id="rId14"/>
    <p:sldLayoutId id="2147483829" r:id="rId15"/>
    <p:sldLayoutId id="2147483830" r:id="rId16"/>
    <p:sldLayoutId id="2147483831" r:id="rId17"/>
    <p:sldLayoutId id="2147483832" r:id="rId18"/>
    <p:sldLayoutId id="2147483833" r:id="rId19"/>
    <p:sldLayoutId id="2147483834" r:id="rId20"/>
    <p:sldLayoutId id="2147483835" r:id="rId21"/>
    <p:sldLayoutId id="2147483836" r:id="rId22"/>
    <p:sldLayoutId id="2147483837" r:id="rId23"/>
    <p:sldLayoutId id="2147483838" r:id="rId24"/>
    <p:sldLayoutId id="2147483839" r:id="rId25"/>
    <p:sldLayoutId id="2147483840" r:id="rId26"/>
    <p:sldLayoutId id="2147483841" r:id="rId27"/>
    <p:sldLayoutId id="2147483842" r:id="rId28"/>
    <p:sldLayoutId id="2147483843" r:id="rId29"/>
    <p:sldLayoutId id="2147483844" r:id="rId30"/>
    <p:sldLayoutId id="2147483845" r:id="rId31"/>
    <p:sldLayoutId id="2147483846" r:id="rId32"/>
  </p:sldLayoutIdLst>
  <p:hf hdr="0" ftr="0"/>
  <p:txStyles>
    <p:titleStyle>
      <a:lvl1pPr algn="l" rtl="0" eaLnBrk="1" fontAlgn="base" hangingPunct="1">
        <a:lnSpc>
          <a:spcPct val="89000"/>
        </a:lnSpc>
        <a:spcBef>
          <a:spcPct val="0"/>
        </a:spcBef>
        <a:spcAft>
          <a:spcPct val="0"/>
        </a:spcAft>
        <a:defRPr sz="4499" b="1" cap="none" baseline="0">
          <a:solidFill>
            <a:schemeClr val="tx1"/>
          </a:solidFill>
          <a:latin typeface="+mj-lt"/>
          <a:ea typeface="+mj-ea"/>
          <a:cs typeface="+mj-cs"/>
        </a:defRPr>
      </a:lvl1pPr>
      <a:lvl2pPr algn="l" rtl="0" eaLnBrk="1" fontAlgn="base" hangingPunct="1">
        <a:lnSpc>
          <a:spcPct val="83000"/>
        </a:lnSpc>
        <a:spcBef>
          <a:spcPct val="0"/>
        </a:spcBef>
        <a:spcAft>
          <a:spcPct val="0"/>
        </a:spcAft>
        <a:defRPr sz="3999">
          <a:solidFill>
            <a:schemeClr val="bg2"/>
          </a:solidFill>
          <a:latin typeface="AU Passata" pitchFamily="34" charset="0"/>
        </a:defRPr>
      </a:lvl2pPr>
      <a:lvl3pPr algn="l" rtl="0" eaLnBrk="1" fontAlgn="base" hangingPunct="1">
        <a:lnSpc>
          <a:spcPct val="83000"/>
        </a:lnSpc>
        <a:spcBef>
          <a:spcPct val="0"/>
        </a:spcBef>
        <a:spcAft>
          <a:spcPct val="0"/>
        </a:spcAft>
        <a:defRPr sz="3999">
          <a:solidFill>
            <a:schemeClr val="bg2"/>
          </a:solidFill>
          <a:latin typeface="AU Passata" pitchFamily="34" charset="0"/>
        </a:defRPr>
      </a:lvl3pPr>
      <a:lvl4pPr algn="l" rtl="0" eaLnBrk="1" fontAlgn="base" hangingPunct="1">
        <a:lnSpc>
          <a:spcPct val="83000"/>
        </a:lnSpc>
        <a:spcBef>
          <a:spcPct val="0"/>
        </a:spcBef>
        <a:spcAft>
          <a:spcPct val="0"/>
        </a:spcAft>
        <a:defRPr sz="3999">
          <a:solidFill>
            <a:schemeClr val="bg2"/>
          </a:solidFill>
          <a:latin typeface="AU Passata" pitchFamily="34" charset="0"/>
        </a:defRPr>
      </a:lvl4pPr>
      <a:lvl5pPr algn="l" rtl="0" eaLnBrk="1" fontAlgn="base" hangingPunct="1">
        <a:lnSpc>
          <a:spcPct val="83000"/>
        </a:lnSpc>
        <a:spcBef>
          <a:spcPct val="0"/>
        </a:spcBef>
        <a:spcAft>
          <a:spcPct val="0"/>
        </a:spcAft>
        <a:defRPr sz="3999">
          <a:solidFill>
            <a:schemeClr val="bg2"/>
          </a:solidFill>
          <a:latin typeface="AU Passata" pitchFamily="34" charset="0"/>
        </a:defRPr>
      </a:lvl5pPr>
      <a:lvl6pPr marL="457063" algn="l" rtl="0" eaLnBrk="1" fontAlgn="base" hangingPunct="1">
        <a:lnSpc>
          <a:spcPct val="83000"/>
        </a:lnSpc>
        <a:spcBef>
          <a:spcPct val="0"/>
        </a:spcBef>
        <a:spcAft>
          <a:spcPct val="0"/>
        </a:spcAft>
        <a:defRPr sz="3999">
          <a:solidFill>
            <a:schemeClr val="bg2"/>
          </a:solidFill>
          <a:latin typeface="AU Passata" pitchFamily="34" charset="0"/>
        </a:defRPr>
      </a:lvl6pPr>
      <a:lvl7pPr marL="914126" algn="l" rtl="0" eaLnBrk="1" fontAlgn="base" hangingPunct="1">
        <a:lnSpc>
          <a:spcPct val="83000"/>
        </a:lnSpc>
        <a:spcBef>
          <a:spcPct val="0"/>
        </a:spcBef>
        <a:spcAft>
          <a:spcPct val="0"/>
        </a:spcAft>
        <a:defRPr sz="3999">
          <a:solidFill>
            <a:schemeClr val="bg2"/>
          </a:solidFill>
          <a:latin typeface="AU Passata" pitchFamily="34" charset="0"/>
        </a:defRPr>
      </a:lvl7pPr>
      <a:lvl8pPr marL="1371189" algn="l" rtl="0" eaLnBrk="1" fontAlgn="base" hangingPunct="1">
        <a:lnSpc>
          <a:spcPct val="83000"/>
        </a:lnSpc>
        <a:spcBef>
          <a:spcPct val="0"/>
        </a:spcBef>
        <a:spcAft>
          <a:spcPct val="0"/>
        </a:spcAft>
        <a:defRPr sz="3999">
          <a:solidFill>
            <a:schemeClr val="bg2"/>
          </a:solidFill>
          <a:latin typeface="AU Passata" pitchFamily="34" charset="0"/>
        </a:defRPr>
      </a:lvl8pPr>
      <a:lvl9pPr marL="1828251" algn="l" rtl="0" eaLnBrk="1" fontAlgn="base" hangingPunct="1">
        <a:lnSpc>
          <a:spcPct val="83000"/>
        </a:lnSpc>
        <a:spcBef>
          <a:spcPct val="0"/>
        </a:spcBef>
        <a:spcAft>
          <a:spcPct val="0"/>
        </a:spcAft>
        <a:defRPr sz="3999">
          <a:solidFill>
            <a:schemeClr val="bg2"/>
          </a:solidFill>
          <a:latin typeface="AU Passata" pitchFamily="34" charset="0"/>
        </a:defRPr>
      </a:lvl9pPr>
    </p:titleStyle>
    <p:bodyStyle>
      <a:lvl1pPr marL="0" indent="0" algn="l" rtl="0" eaLnBrk="1" fontAlgn="base" hangingPunct="1">
        <a:lnSpc>
          <a:spcPct val="90000"/>
        </a:lnSpc>
        <a:spcBef>
          <a:spcPts val="600"/>
        </a:spcBef>
        <a:spcAft>
          <a:spcPct val="0"/>
        </a:spcAft>
        <a:buClr>
          <a:schemeClr val="tx1"/>
        </a:buClr>
        <a:buSzPct val="100000"/>
        <a:buFont typeface="Calibri" panose="020F0502020204030204" pitchFamily="34" charset="0"/>
        <a:buChar char="​"/>
        <a:defRPr sz="1999" b="0">
          <a:solidFill>
            <a:schemeClr val="tx1"/>
          </a:solidFill>
          <a:latin typeface="+mn-lt"/>
          <a:ea typeface="+mn-ea"/>
          <a:cs typeface="+mn-cs"/>
        </a:defRPr>
      </a:lvl1pPr>
      <a:lvl2pPr marL="431870" indent="-179946"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2pPr>
      <a:lvl3pPr marL="755773" indent="-179946"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3pPr>
      <a:lvl4pPr marL="1151654" indent="-179946"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4pPr>
      <a:lvl5pPr marL="1511546" indent="-179946" algn="l" rtl="0" eaLnBrk="1" fontAlgn="base" hangingPunct="1">
        <a:lnSpc>
          <a:spcPct val="90000"/>
        </a:lnSpc>
        <a:spcBef>
          <a:spcPts val="600"/>
        </a:spcBef>
        <a:spcAft>
          <a:spcPct val="0"/>
        </a:spcAft>
        <a:buClr>
          <a:schemeClr val="tx1"/>
        </a:buClr>
        <a:buSzPct val="100000"/>
        <a:buFont typeface="Arial" panose="020B0604020202020204" pitchFamily="34" charset="0"/>
        <a:buChar char="•"/>
        <a:defRPr sz="1999">
          <a:solidFill>
            <a:schemeClr val="tx1"/>
          </a:solidFill>
          <a:latin typeface="+mn-lt"/>
        </a:defRPr>
      </a:lvl5pPr>
      <a:lvl6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6pPr>
      <a:lvl7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7pPr>
      <a:lvl8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8pPr>
      <a:lvl9pPr marL="1835449" indent="-179946" algn="l" rtl="0" eaLnBrk="1" fontAlgn="base" hangingPunct="1">
        <a:lnSpc>
          <a:spcPct val="99000"/>
        </a:lnSpc>
        <a:spcBef>
          <a:spcPts val="600"/>
        </a:spcBef>
        <a:spcAft>
          <a:spcPct val="0"/>
        </a:spcAft>
        <a:buClr>
          <a:schemeClr val="tx1"/>
        </a:buClr>
        <a:buFont typeface="Arial" panose="020B0604020202020204" pitchFamily="34" charset="0"/>
        <a:buChar char="•"/>
        <a:defRPr sz="1999">
          <a:solidFill>
            <a:schemeClr val="tx1"/>
          </a:solidFill>
          <a:latin typeface="+mn-lt"/>
        </a:defRPr>
      </a:lvl9pPr>
    </p:bodyStyle>
    <p:otherStyle>
      <a:defPPr>
        <a:defRPr lang="da-DK"/>
      </a:defPPr>
      <a:lvl1pPr marL="0" algn="l" defTabSz="914126" rtl="0" eaLnBrk="1" latinLnBrk="0" hangingPunct="1">
        <a:defRPr sz="1799" kern="1200">
          <a:solidFill>
            <a:schemeClr val="tx1"/>
          </a:solidFill>
          <a:latin typeface="+mn-lt"/>
          <a:ea typeface="+mn-ea"/>
          <a:cs typeface="+mn-cs"/>
        </a:defRPr>
      </a:lvl1pPr>
      <a:lvl2pPr marL="457063" algn="l" defTabSz="914126" rtl="0" eaLnBrk="1" latinLnBrk="0" hangingPunct="1">
        <a:defRPr sz="1799" kern="1200">
          <a:solidFill>
            <a:schemeClr val="tx1"/>
          </a:solidFill>
          <a:latin typeface="+mn-lt"/>
          <a:ea typeface="+mn-ea"/>
          <a:cs typeface="+mn-cs"/>
        </a:defRPr>
      </a:lvl2pPr>
      <a:lvl3pPr marL="914126" algn="l" defTabSz="914126" rtl="0" eaLnBrk="1" latinLnBrk="0" hangingPunct="1">
        <a:defRPr sz="1799" kern="1200">
          <a:solidFill>
            <a:schemeClr val="tx1"/>
          </a:solidFill>
          <a:latin typeface="+mn-lt"/>
          <a:ea typeface="+mn-ea"/>
          <a:cs typeface="+mn-cs"/>
        </a:defRPr>
      </a:lvl3pPr>
      <a:lvl4pPr marL="1371189" algn="l" defTabSz="914126" rtl="0" eaLnBrk="1" latinLnBrk="0" hangingPunct="1">
        <a:defRPr sz="1799" kern="1200">
          <a:solidFill>
            <a:schemeClr val="tx1"/>
          </a:solidFill>
          <a:latin typeface="+mn-lt"/>
          <a:ea typeface="+mn-ea"/>
          <a:cs typeface="+mn-cs"/>
        </a:defRPr>
      </a:lvl4pPr>
      <a:lvl5pPr marL="1828251" algn="l" defTabSz="914126" rtl="0" eaLnBrk="1" latinLnBrk="0" hangingPunct="1">
        <a:defRPr sz="1799" kern="1200">
          <a:solidFill>
            <a:schemeClr val="tx1"/>
          </a:solidFill>
          <a:latin typeface="+mn-lt"/>
          <a:ea typeface="+mn-ea"/>
          <a:cs typeface="+mn-cs"/>
        </a:defRPr>
      </a:lvl5pPr>
      <a:lvl6pPr marL="2285314" algn="l" defTabSz="914126" rtl="0" eaLnBrk="1" latinLnBrk="0" hangingPunct="1">
        <a:defRPr sz="1799" kern="1200">
          <a:solidFill>
            <a:schemeClr val="tx1"/>
          </a:solidFill>
          <a:latin typeface="+mn-lt"/>
          <a:ea typeface="+mn-ea"/>
          <a:cs typeface="+mn-cs"/>
        </a:defRPr>
      </a:lvl6pPr>
      <a:lvl7pPr marL="2742377" algn="l" defTabSz="914126" rtl="0" eaLnBrk="1" latinLnBrk="0" hangingPunct="1">
        <a:defRPr sz="1799" kern="1200">
          <a:solidFill>
            <a:schemeClr val="tx1"/>
          </a:solidFill>
          <a:latin typeface="+mn-lt"/>
          <a:ea typeface="+mn-ea"/>
          <a:cs typeface="+mn-cs"/>
        </a:defRPr>
      </a:lvl7pPr>
      <a:lvl8pPr marL="3199440" algn="l" defTabSz="914126" rtl="0" eaLnBrk="1" latinLnBrk="0" hangingPunct="1">
        <a:defRPr sz="1799" kern="1200">
          <a:solidFill>
            <a:schemeClr val="tx1"/>
          </a:solidFill>
          <a:latin typeface="+mn-lt"/>
          <a:ea typeface="+mn-ea"/>
          <a:cs typeface="+mn-cs"/>
        </a:defRPr>
      </a:lvl8pPr>
      <a:lvl9pPr marL="3656503" algn="l" defTabSz="914126" rtl="0" eaLnBrk="1" latinLnBrk="0" hangingPunct="1">
        <a:defRPr sz="1799" kern="1200">
          <a:solidFill>
            <a:schemeClr val="tx1"/>
          </a:solidFill>
          <a:latin typeface="+mn-lt"/>
          <a:ea typeface="+mn-ea"/>
          <a:cs typeface="+mn-cs"/>
        </a:defRPr>
      </a:lvl9pPr>
    </p:otherStyle>
  </p:txStyles>
  <p:extLst>
    <p:ext uri="{27BBF7A9-308A-43DC-89C8-2F10F3537804}">
      <p15:sldGuideLst xmlns:p15="http://schemas.microsoft.com/office/powerpoint/2012/main">
        <p15:guide id="4" orient="horz" pos="3715">
          <p15:clr>
            <a:srgbClr val="000000"/>
          </p15:clr>
        </p15:guide>
        <p15:guide id="5" orient="horz" pos="4131">
          <p15:clr>
            <a:srgbClr val="A4A3A4"/>
          </p15:clr>
        </p15:guide>
        <p15:guide id="6" pos="7479">
          <p15:clr>
            <a:srgbClr val="A4A3A4"/>
          </p15:clr>
        </p15:guide>
        <p15:guide id="7" orient="horz" pos="1234">
          <p15:clr>
            <a:srgbClr val="000000"/>
          </p15:clr>
        </p15:guide>
        <p15:guide id="8" pos="7059">
          <p15:clr>
            <a:srgbClr val="000000"/>
          </p15:clr>
        </p15:guide>
        <p15:guide id="9" pos="210">
          <p15:clr>
            <a:srgbClr val="A4A3A4"/>
          </p15:clr>
        </p15:guide>
        <p15:guide id="10" pos="618">
          <p15:clr>
            <a:srgbClr val="000000"/>
          </p15:clr>
        </p15:guide>
        <p15:guide id="11" orient="horz" pos="199">
          <p15:clr>
            <a:srgbClr val="A4A3A4"/>
          </p15:clr>
        </p15:guide>
        <p15:guide id="12" pos="3748">
          <p15:clr>
            <a:srgbClr val="000000"/>
          </p15:clr>
        </p15:guide>
        <p15:guide id="13" pos="3930">
          <p15:clr>
            <a:srgbClr val="000000"/>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0.jpeg"/><Relationship Id="rId2" Type="http://schemas.openxmlformats.org/officeDocument/2006/relationships/notesSlide" Target="../notesSlides/notesSlide1.xml"/><Relationship Id="rId1" Type="http://schemas.openxmlformats.org/officeDocument/2006/relationships/slideLayout" Target="../slideLayouts/slideLayout178.xml"/></Relationships>
</file>

<file path=ppt/slides/_rels/slide10.xml.rels><?xml version="1.0" encoding="UTF-8" standalone="yes"?>
<Relationships xmlns="http://schemas.openxmlformats.org/package/2006/relationships"><Relationship Id="rId3" Type="http://schemas.openxmlformats.org/officeDocument/2006/relationships/image" Target="../media/image14.png"/><Relationship Id="rId7" Type="http://schemas.openxmlformats.org/officeDocument/2006/relationships/image" Target="../media/image23.svg"/><Relationship Id="rId2" Type="http://schemas.openxmlformats.org/officeDocument/2006/relationships/notesSlide" Target="../notesSlides/notesSlide10.xml"/><Relationship Id="rId1" Type="http://schemas.openxmlformats.org/officeDocument/2006/relationships/slideLayout" Target="../slideLayouts/slideLayout24.xml"/><Relationship Id="rId6" Type="http://schemas.openxmlformats.org/officeDocument/2006/relationships/image" Target="../media/image22.svg"/><Relationship Id="rId5" Type="http://schemas.openxmlformats.org/officeDocument/2006/relationships/image" Target="../media/image21.jpeg"/><Relationship Id="rId4" Type="http://schemas.openxmlformats.org/officeDocument/2006/relationships/image" Target="../media/image20.png"/></Relationships>
</file>

<file path=ppt/slides/_rels/slide11.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3.emf"/><Relationship Id="rId7" Type="http://schemas.openxmlformats.org/officeDocument/2006/relationships/image" Target="../media/image15.png"/><Relationship Id="rId2" Type="http://schemas.openxmlformats.org/officeDocument/2006/relationships/notesSlide" Target="../notesSlides/notesSlide11.xml"/><Relationship Id="rId1" Type="http://schemas.openxmlformats.org/officeDocument/2006/relationships/slideLayout" Target="../slideLayouts/slideLayout24.xml"/><Relationship Id="rId6" Type="http://schemas.openxmlformats.org/officeDocument/2006/relationships/image" Target="../media/image18.png"/><Relationship Id="rId5" Type="http://schemas.openxmlformats.org/officeDocument/2006/relationships/image" Target="../media/image17.png"/><Relationship Id="rId10" Type="http://schemas.openxmlformats.org/officeDocument/2006/relationships/image" Target="../media/image14.png"/><Relationship Id="rId4" Type="http://schemas.openxmlformats.org/officeDocument/2006/relationships/image" Target="../media/image13.png"/><Relationship Id="rId9" Type="http://schemas.microsoft.com/office/2007/relationships/hdphoto" Target="../media/hdphoto1.wdp"/></Relationships>
</file>

<file path=ppt/slides/_rels/slide12.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12.xml"/><Relationship Id="rId1" Type="http://schemas.openxmlformats.org/officeDocument/2006/relationships/slideLayout" Target="../slideLayouts/slideLayout24.xml"/><Relationship Id="rId5" Type="http://schemas.microsoft.com/office/2007/relationships/hdphoto" Target="../media/hdphoto1.wdp"/><Relationship Id="rId4" Type="http://schemas.openxmlformats.org/officeDocument/2006/relationships/image" Target="../media/image16.png"/></Relationships>
</file>

<file path=ppt/slides/_rels/slide13.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3.emf"/><Relationship Id="rId7" Type="http://schemas.openxmlformats.org/officeDocument/2006/relationships/image" Target="../media/image15.png"/><Relationship Id="rId2" Type="http://schemas.openxmlformats.org/officeDocument/2006/relationships/notesSlide" Target="../notesSlides/notesSlide13.xml"/><Relationship Id="rId1" Type="http://schemas.openxmlformats.org/officeDocument/2006/relationships/slideLayout" Target="../slideLayouts/slideLayout24.xml"/><Relationship Id="rId6" Type="http://schemas.openxmlformats.org/officeDocument/2006/relationships/image" Target="../media/image14.png"/><Relationship Id="rId5" Type="http://schemas.openxmlformats.org/officeDocument/2006/relationships/image" Target="../media/image17.png"/><Relationship Id="rId10" Type="http://schemas.openxmlformats.org/officeDocument/2006/relationships/image" Target="../media/image18.png"/><Relationship Id="rId4" Type="http://schemas.openxmlformats.org/officeDocument/2006/relationships/image" Target="../media/image13.png"/><Relationship Id="rId9" Type="http://schemas.microsoft.com/office/2007/relationships/hdphoto" Target="../media/hdphoto1.wdp"/></Relationships>
</file>

<file path=ppt/slides/_rels/slide1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14.xml"/><Relationship Id="rId1" Type="http://schemas.openxmlformats.org/officeDocument/2006/relationships/slideLayout" Target="../slideLayouts/slideLayout24.xml"/><Relationship Id="rId4" Type="http://schemas.openxmlformats.org/officeDocument/2006/relationships/image" Target="../media/image24.png"/></Relationships>
</file>

<file path=ppt/slides/_rels/slide15.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3.emf"/><Relationship Id="rId7" Type="http://schemas.openxmlformats.org/officeDocument/2006/relationships/image" Target="../media/image15.png"/><Relationship Id="rId2" Type="http://schemas.openxmlformats.org/officeDocument/2006/relationships/notesSlide" Target="../notesSlides/notesSlide15.xml"/><Relationship Id="rId1" Type="http://schemas.openxmlformats.org/officeDocument/2006/relationships/slideLayout" Target="../slideLayouts/slideLayout24.xml"/><Relationship Id="rId6" Type="http://schemas.openxmlformats.org/officeDocument/2006/relationships/image" Target="../media/image14.png"/><Relationship Id="rId5" Type="http://schemas.openxmlformats.org/officeDocument/2006/relationships/image" Target="../media/image17.png"/><Relationship Id="rId10" Type="http://schemas.openxmlformats.org/officeDocument/2006/relationships/image" Target="../media/image18.png"/><Relationship Id="rId4" Type="http://schemas.openxmlformats.org/officeDocument/2006/relationships/image" Target="../media/image13.png"/><Relationship Id="rId9" Type="http://schemas.microsoft.com/office/2007/relationships/hdphoto" Target="../media/hdphoto1.wdp"/></Relationships>
</file>

<file path=ppt/slides/_rels/slide16.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16.xml"/><Relationship Id="rId1" Type="http://schemas.openxmlformats.org/officeDocument/2006/relationships/slideLayout" Target="../slideLayouts/slideLayout24.xml"/></Relationships>
</file>

<file path=ppt/slides/_rels/slide17.xml.rels><?xml version="1.0" encoding="UTF-8" standalone="yes"?>
<Relationships xmlns="http://schemas.openxmlformats.org/package/2006/relationships"><Relationship Id="rId3" Type="http://schemas.openxmlformats.org/officeDocument/2006/relationships/image" Target="../media/image25.jpeg"/><Relationship Id="rId2" Type="http://schemas.openxmlformats.org/officeDocument/2006/relationships/notesSlide" Target="../notesSlides/notesSlide17.xml"/><Relationship Id="rId1" Type="http://schemas.openxmlformats.org/officeDocument/2006/relationships/slideLayout" Target="../slideLayouts/slideLayout24.xml"/></Relationships>
</file>

<file path=ppt/slides/_rels/slide18.xml.rels><?xml version="1.0" encoding="UTF-8" standalone="yes"?>
<Relationships xmlns="http://schemas.openxmlformats.org/package/2006/relationships"><Relationship Id="rId3" Type="http://schemas.openxmlformats.org/officeDocument/2006/relationships/hyperlink" Target="https://aarhusuniversitet.sharepoint.com/:w:/s/AUAnalysepolitik/IQBrRI9FevzuQq5NkloEpddtAWP8sUToWF0C_fcH9A_KKrw?e=YRIOnF" TargetMode="External"/><Relationship Id="rId2" Type="http://schemas.openxmlformats.org/officeDocument/2006/relationships/notesSlide" Target="../notesSlides/notesSlide18.xml"/><Relationship Id="rId1" Type="http://schemas.openxmlformats.org/officeDocument/2006/relationships/slideLayout" Target="../slideLayouts/slideLayout24.xml"/></Relationships>
</file>

<file path=ppt/slides/_rels/slide19.xml.rels><?xml version="1.0" encoding="UTF-8" standalone="yes"?>
<Relationships xmlns="http://schemas.openxmlformats.org/package/2006/relationships"><Relationship Id="rId3" Type="http://schemas.openxmlformats.org/officeDocument/2006/relationships/hyperlink" Target="https://aarhusuniversitet.sharepoint.com/:x:/s/AUAnalysepolitik/IQDSV5u4sdQySa94TV_wzjwRAbS11VwlGrySveeoO6aJziU?e=EZ1lOD" TargetMode="External"/><Relationship Id="rId2" Type="http://schemas.openxmlformats.org/officeDocument/2006/relationships/notesSlide" Target="../notesSlides/notesSlide19.xml"/><Relationship Id="rId1" Type="http://schemas.openxmlformats.org/officeDocument/2006/relationships/slideLayout" Target="../slideLayouts/slideLayout24.xml"/><Relationship Id="rId4" Type="http://schemas.openxmlformats.org/officeDocument/2006/relationships/image" Target="../media/image26.jpeg"/></Relationships>
</file>

<file path=ppt/slides/_rels/slide2.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notesSlide" Target="../notesSlides/notesSlide2.xml"/><Relationship Id="rId1" Type="http://schemas.openxmlformats.org/officeDocument/2006/relationships/slideLayout" Target="../slideLayouts/slideLayout116.xml"/><Relationship Id="rId4" Type="http://schemas.openxmlformats.org/officeDocument/2006/relationships/image" Target="../media/image1.emf"/></Relationships>
</file>

<file path=ppt/slides/_rels/slide20.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notesSlide" Target="../notesSlides/notesSlide20.xml"/><Relationship Id="rId1" Type="http://schemas.openxmlformats.org/officeDocument/2006/relationships/slideLayout" Target="../slideLayouts/slideLayout21.xml"/></Relationships>
</file>

<file path=ppt/slides/_rels/slide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notesSlide" Target="../notesSlides/notesSlide3.xml"/><Relationship Id="rId1" Type="http://schemas.openxmlformats.org/officeDocument/2006/relationships/slideLayout" Target="../slideLayouts/slideLayout24.xml"/></Relationships>
</file>

<file path=ppt/slides/_rels/slide4.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image" Target="../media/image13.png"/><Relationship Id="rId7" Type="http://schemas.microsoft.com/office/2007/relationships/hdphoto" Target="../media/hdphoto1.wdp"/><Relationship Id="rId2" Type="http://schemas.openxmlformats.org/officeDocument/2006/relationships/notesSlide" Target="../notesSlides/notesSlide4.xml"/><Relationship Id="rId1" Type="http://schemas.openxmlformats.org/officeDocument/2006/relationships/slideLayout" Target="../slideLayouts/slideLayout142.xml"/><Relationship Id="rId6" Type="http://schemas.openxmlformats.org/officeDocument/2006/relationships/image" Target="../media/image16.png"/><Relationship Id="rId5" Type="http://schemas.openxmlformats.org/officeDocument/2006/relationships/image" Target="../media/image15.png"/><Relationship Id="rId10" Type="http://schemas.openxmlformats.org/officeDocument/2006/relationships/image" Target="../media/image1.emf"/><Relationship Id="rId4" Type="http://schemas.openxmlformats.org/officeDocument/2006/relationships/image" Target="../media/image14.png"/><Relationship Id="rId9" Type="http://schemas.openxmlformats.org/officeDocument/2006/relationships/image" Target="../media/image18.png"/></Relationships>
</file>

<file path=ppt/slides/_rels/slide5.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5.xml"/><Relationship Id="rId1" Type="http://schemas.openxmlformats.org/officeDocument/2006/relationships/slideLayout" Target="../slideLayouts/slideLayout24.xml"/></Relationships>
</file>

<file path=ppt/slides/_rels/slide6.xml.rels><?xml version="1.0" encoding="UTF-8" standalone="yes"?>
<Relationships xmlns="http://schemas.openxmlformats.org/package/2006/relationships"><Relationship Id="rId8" Type="http://schemas.microsoft.com/office/2007/relationships/hdphoto" Target="../media/hdphoto1.wdp"/><Relationship Id="rId3" Type="http://schemas.openxmlformats.org/officeDocument/2006/relationships/image" Target="../media/image3.emf"/><Relationship Id="rId7" Type="http://schemas.openxmlformats.org/officeDocument/2006/relationships/image" Target="../media/image16.png"/><Relationship Id="rId2" Type="http://schemas.openxmlformats.org/officeDocument/2006/relationships/notesSlide" Target="../notesSlides/notesSlide6.xml"/><Relationship Id="rId1" Type="http://schemas.openxmlformats.org/officeDocument/2006/relationships/slideLayout" Target="../slideLayouts/slideLayout24.xml"/><Relationship Id="rId6" Type="http://schemas.openxmlformats.org/officeDocument/2006/relationships/image" Target="../media/image15.png"/><Relationship Id="rId5" Type="http://schemas.openxmlformats.org/officeDocument/2006/relationships/image" Target="../media/image14.png"/><Relationship Id="rId10" Type="http://schemas.openxmlformats.org/officeDocument/2006/relationships/image" Target="../media/image18.png"/><Relationship Id="rId4" Type="http://schemas.openxmlformats.org/officeDocument/2006/relationships/image" Target="../media/image13.png"/><Relationship Id="rId9" Type="http://schemas.openxmlformats.org/officeDocument/2006/relationships/image" Target="../media/image17.png"/></Relationships>
</file>

<file path=ppt/slides/_rels/slide7.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7.xml"/><Relationship Id="rId1" Type="http://schemas.openxmlformats.org/officeDocument/2006/relationships/slideLayout" Target="../slideLayouts/slideLayout24.xml"/><Relationship Id="rId4" Type="http://schemas.openxmlformats.org/officeDocument/2006/relationships/hyperlink" Target="https://aarhusuniversitet.sharepoint.com/:p:/s/AUAnalysepolitik/IQCa2Ht79U-hTqgK013dETRtAWSh45KZh5MyoZNWEH_Iq_w?e=qFQrzc" TargetMode="External"/></Relationships>
</file>

<file path=ppt/slides/_rels/slide8.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8.xml"/><Relationship Id="rId1" Type="http://schemas.openxmlformats.org/officeDocument/2006/relationships/slideLayout" Target="../slideLayouts/slideLayout24.xml"/></Relationships>
</file>

<file path=ppt/slides/_rels/slide9.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image" Target="../media/image3.emf"/><Relationship Id="rId7" Type="http://schemas.microsoft.com/office/2007/relationships/hdphoto" Target="../media/hdphoto1.wdp"/><Relationship Id="rId2" Type="http://schemas.openxmlformats.org/officeDocument/2006/relationships/notesSlide" Target="../notesSlides/notesSlide9.xml"/><Relationship Id="rId1" Type="http://schemas.openxmlformats.org/officeDocument/2006/relationships/slideLayout" Target="../slideLayouts/slideLayout24.xml"/><Relationship Id="rId6" Type="http://schemas.openxmlformats.org/officeDocument/2006/relationships/image" Target="../media/image16.png"/><Relationship Id="rId5" Type="http://schemas.openxmlformats.org/officeDocument/2006/relationships/image" Target="../media/image15.png"/><Relationship Id="rId10" Type="http://schemas.openxmlformats.org/officeDocument/2006/relationships/image" Target="../media/image14.png"/><Relationship Id="rId4" Type="http://schemas.openxmlformats.org/officeDocument/2006/relationships/image" Target="../media/image13.png"/><Relationship Id="rId9" Type="http://schemas.openxmlformats.org/officeDocument/2006/relationships/image" Target="../media/image18.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A73F48-63D1-1468-D26E-AFDC89D1D7BE}"/>
            </a:ext>
          </a:extLst>
        </p:cNvPr>
        <p:cNvGrpSpPr/>
        <p:nvPr/>
      </p:nvGrpSpPr>
      <p:grpSpPr>
        <a:xfrm>
          <a:off x="0" y="0"/>
          <a:ext cx="0" cy="0"/>
          <a:chOff x="0" y="0"/>
          <a:chExt cx="0" cy="0"/>
        </a:xfrm>
      </p:grpSpPr>
      <p:pic>
        <p:nvPicPr>
          <p:cNvPr id="3" name="Billede 2" descr="Et billede, der indeholder udendørs, græs, træ, plæne&#10;&#10;AI-genereret indhold kan være ukorrekt.">
            <a:extLst>
              <a:ext uri="{FF2B5EF4-FFF2-40B4-BE49-F238E27FC236}">
                <a16:creationId xmlns:a16="http://schemas.microsoft.com/office/drawing/2014/main" id="{EFDB058F-7F4F-1AB0-329F-24FA0C1389CD}"/>
              </a:ext>
            </a:extLst>
          </p:cNvPr>
          <p:cNvPicPr>
            <a:picLocks noChangeAspect="1"/>
          </p:cNvPicPr>
          <p:nvPr/>
        </p:nvPicPr>
        <p:blipFill>
          <a:blip r:embed="rId3" cstate="print">
            <a:extLst>
              <a:ext uri="{28A0092B-C50C-407E-A947-70E740481C1C}">
                <a14:useLocalDpi xmlns:a14="http://schemas.microsoft.com/office/drawing/2010/main" val="0"/>
              </a:ext>
            </a:extLst>
          </a:blip>
          <a:srcRect l="1480" t="13426" b="3436"/>
          <a:stretch>
            <a:fillRect/>
          </a:stretch>
        </p:blipFill>
        <p:spPr>
          <a:xfrm>
            <a:off x="-7974" y="4919"/>
            <a:ext cx="12190412" cy="6858000"/>
          </a:xfrm>
          <a:prstGeom prst="rect">
            <a:avLst/>
          </a:prstGeom>
        </p:spPr>
      </p:pic>
      <p:sp>
        <p:nvSpPr>
          <p:cNvPr id="2" name="Rektangel 1">
            <a:extLst>
              <a:ext uri="{FF2B5EF4-FFF2-40B4-BE49-F238E27FC236}">
                <a16:creationId xmlns:a16="http://schemas.microsoft.com/office/drawing/2014/main" id="{502CEEE7-4CCD-9EF4-0658-6D63F5FEFF0F}"/>
              </a:ext>
            </a:extLst>
          </p:cNvPr>
          <p:cNvSpPr/>
          <p:nvPr/>
        </p:nvSpPr>
        <p:spPr bwMode="auto">
          <a:xfrm>
            <a:off x="-7974" y="-1"/>
            <a:ext cx="12190411" cy="6862919"/>
          </a:xfrm>
          <a:prstGeom prst="rect">
            <a:avLst/>
          </a:prstGeom>
          <a:gradFill flip="none" rotWithShape="1">
            <a:gsLst>
              <a:gs pos="0">
                <a:srgbClr val="694156"/>
              </a:gs>
              <a:gs pos="25000">
                <a:srgbClr val="2B3158">
                  <a:alpha val="91000"/>
                </a:srgbClr>
              </a:gs>
              <a:gs pos="75000">
                <a:srgbClr val="132C4B">
                  <a:alpha val="20000"/>
                </a:srgbClr>
              </a:gs>
              <a:gs pos="58000">
                <a:srgbClr val="102A49">
                  <a:alpha val="45000"/>
                </a:srgbClr>
              </a:gs>
              <a:gs pos="99000">
                <a:srgbClr val="102A49">
                  <a:alpha val="0"/>
                </a:srgbClr>
              </a:gs>
            </a:gsLst>
            <a:lin ang="0" scaled="1"/>
            <a:tileRect/>
          </a:gra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sp>
        <p:nvSpPr>
          <p:cNvPr id="7" name="object 181">
            <a:extLst>
              <a:ext uri="{FF2B5EF4-FFF2-40B4-BE49-F238E27FC236}">
                <a16:creationId xmlns:a16="http://schemas.microsoft.com/office/drawing/2014/main" id="{A566FECC-909C-2406-3D6A-7C77DD3A9569}"/>
              </a:ext>
            </a:extLst>
          </p:cNvPr>
          <p:cNvSpPr txBox="1"/>
          <p:nvPr/>
        </p:nvSpPr>
        <p:spPr>
          <a:xfrm>
            <a:off x="332710" y="2654708"/>
            <a:ext cx="6370094" cy="2632428"/>
          </a:xfrm>
          <a:prstGeom prst="roundRect">
            <a:avLst/>
          </a:prstGeom>
          <a:noFill/>
        </p:spPr>
        <p:txBody>
          <a:bodyPr vert="horz" wrap="square" lIns="179953" tIns="15236" rIns="179953" bIns="143963" rtlCol="0" anchor="t">
            <a:spAutoFit/>
          </a:bodyPr>
          <a:lstStyle/>
          <a:p>
            <a:pPr marL="12065" marR="0" lvl="0" indent="0" algn="l" defTabSz="914126" rtl="0" eaLnBrk="1" fontAlgn="base" latinLnBrk="0" hangingPunct="1">
              <a:lnSpc>
                <a:spcPts val="4959"/>
              </a:lnSpc>
              <a:spcBef>
                <a:spcPts val="120"/>
              </a:spcBef>
              <a:spcAft>
                <a:spcPct val="0"/>
              </a:spcAft>
              <a:buClrTx/>
              <a:buSzTx/>
              <a:buFont typeface="AU Passata" pitchFamily="34" charset="0"/>
              <a:buNone/>
              <a:tabLst/>
              <a:defRPr/>
            </a:pPr>
            <a:r>
              <a:rPr kumimoji="0" lang="da-DK" sz="3600" b="1" i="0" u="none" strike="noStrike" kern="1200" cap="none" spc="0" normalizeH="0" baseline="0" noProof="0" dirty="0">
                <a:ln>
                  <a:noFill/>
                </a:ln>
                <a:solidFill>
                  <a:srgbClr val="FFFFFF"/>
                </a:solidFill>
                <a:effectLst/>
                <a:uLnTx/>
                <a:uFillTx/>
                <a:latin typeface="AU Passata Light"/>
                <a:ea typeface="+mn-ea"/>
                <a:cs typeface="+mn-cs"/>
              </a:rPr>
              <a:t>Værktøjskasse til strategiarbejde på AU </a:t>
            </a:r>
            <a:endParaRPr kumimoji="0" lang="da-DK" sz="4799" b="0" i="0" u="none" strike="noStrike" kern="1200" cap="none" spc="0" normalizeH="0" baseline="0" noProof="0" dirty="0">
              <a:ln>
                <a:noFill/>
              </a:ln>
              <a:solidFill>
                <a:srgbClr val="000000"/>
              </a:solidFill>
              <a:effectLst/>
              <a:uLnTx/>
              <a:uFillTx/>
              <a:latin typeface="AU Passata Light"/>
              <a:ea typeface="+mn-ea"/>
              <a:cs typeface="+mn-cs"/>
            </a:endParaRPr>
          </a:p>
          <a:p>
            <a:pPr marL="12065" marR="0" lvl="0" indent="0" algn="l" defTabSz="914126" rtl="0" eaLnBrk="1" fontAlgn="base" latinLnBrk="0" hangingPunct="1">
              <a:lnSpc>
                <a:spcPct val="100000"/>
              </a:lnSpc>
              <a:spcBef>
                <a:spcPts val="120"/>
              </a:spcBef>
              <a:spcAft>
                <a:spcPct val="0"/>
              </a:spcAft>
              <a:buClrTx/>
              <a:buSzTx/>
              <a:buFont typeface="AU Passata" pitchFamily="34" charset="0"/>
              <a:buNone/>
              <a:tabLst/>
              <a:defRPr/>
            </a:pPr>
            <a:r>
              <a:rPr kumimoji="0" lang="da-DK" sz="2000" b="0" i="0" u="none" strike="noStrike" kern="1200" cap="none" spc="0" normalizeH="0" baseline="0" noProof="0" dirty="0">
                <a:ln>
                  <a:noFill/>
                </a:ln>
                <a:solidFill>
                  <a:srgbClr val="FFFFFF"/>
                </a:solidFill>
                <a:effectLst/>
                <a:uLnTx/>
                <a:uFillTx/>
                <a:latin typeface="AU Passata Light"/>
                <a:ea typeface="+mn-ea"/>
                <a:cs typeface="+mn-cs"/>
              </a:rPr>
              <a:t>Praktiske redskaber, som ledere kan bruge i forskellige kontekster til at arbejde lokalt med strategiudmøntning. </a:t>
            </a:r>
            <a:endParaRPr kumimoji="0" lang="da-DK" sz="2400" b="0" i="0" u="none" strike="noStrike" kern="1200" cap="none" spc="0" normalizeH="0" baseline="0" noProof="0" dirty="0">
              <a:ln>
                <a:noFill/>
              </a:ln>
              <a:solidFill>
                <a:srgbClr val="FFFFFF"/>
              </a:solidFill>
              <a:effectLst/>
              <a:highlight>
                <a:srgbClr val="FFFF00"/>
              </a:highlight>
              <a:uLnTx/>
              <a:uFillTx/>
              <a:latin typeface="AU Passata Light"/>
              <a:ea typeface="+mn-ea"/>
              <a:cs typeface="+mn-cs"/>
            </a:endParaRPr>
          </a:p>
        </p:txBody>
      </p:sp>
      <p:sp>
        <p:nvSpPr>
          <p:cNvPr id="4" name="Pladsholder til dato 3">
            <a:extLst>
              <a:ext uri="{FF2B5EF4-FFF2-40B4-BE49-F238E27FC236}">
                <a16:creationId xmlns:a16="http://schemas.microsoft.com/office/drawing/2014/main" id="{09EE4361-7C0B-E961-10FD-228A07AB8735}"/>
              </a:ext>
            </a:extLst>
          </p:cNvPr>
          <p:cNvSpPr>
            <a:spLocks noGrp="1"/>
          </p:cNvSpPr>
          <p:nvPr>
            <p:ph type="dt" sz="half" idx="10"/>
          </p:nvPr>
        </p:nvSpPr>
        <p:spPr/>
        <p:txBody>
          <a:bodyP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fld id="{72AB5BB9-D5B8-4A36-803B-B40551F55D8E}"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02-05-2025</a:t>
            </a:r>
          </a:p>
        </p:txBody>
      </p:sp>
      <p:sp>
        <p:nvSpPr>
          <p:cNvPr id="5" name="Pladsholder til slidenummer 4">
            <a:extLst>
              <a:ext uri="{FF2B5EF4-FFF2-40B4-BE49-F238E27FC236}">
                <a16:creationId xmlns:a16="http://schemas.microsoft.com/office/drawing/2014/main" id="{BE9A1A12-8425-6C50-0750-F20C549D4F9C}"/>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FFFFFF"/>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a:t>
            </a:fld>
            <a:endParaRPr kumimoji="0" lang="da-DK" sz="700" b="0" i="0" u="none" strike="noStrike" kern="1200" cap="none" spc="40" normalizeH="0" baseline="0" noProof="0">
              <a:ln>
                <a:noFill/>
              </a:ln>
              <a:solidFill>
                <a:srgbClr val="FFFFFF"/>
              </a:solidFill>
              <a:effectLst/>
              <a:uLnTx/>
              <a:uFillTx/>
              <a:latin typeface="AU Passata"/>
              <a:ea typeface="+mn-ea"/>
              <a:cs typeface="+mn-cs"/>
            </a:endParaRPr>
          </a:p>
        </p:txBody>
      </p:sp>
    </p:spTree>
    <p:extLst>
      <p:ext uri="{BB962C8B-B14F-4D97-AF65-F5344CB8AC3E}">
        <p14:creationId xmlns:p14="http://schemas.microsoft.com/office/powerpoint/2010/main" val="338332881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E86EA4B-A8BC-535B-5959-FEC8DBD4C882}"/>
            </a:ext>
          </a:extLst>
        </p:cNvPr>
        <p:cNvGrpSpPr/>
        <p:nvPr/>
      </p:nvGrpSpPr>
      <p:grpSpPr>
        <a:xfrm>
          <a:off x="0" y="0"/>
          <a:ext cx="0" cy="0"/>
          <a:chOff x="0" y="0"/>
          <a:chExt cx="0" cy="0"/>
        </a:xfrm>
      </p:grpSpPr>
      <p:sp>
        <p:nvSpPr>
          <p:cNvPr id="28" name="Rektangel: afrundede hjørner 27">
            <a:extLst>
              <a:ext uri="{FF2B5EF4-FFF2-40B4-BE49-F238E27FC236}">
                <a16:creationId xmlns:a16="http://schemas.microsoft.com/office/drawing/2014/main" id="{B0B14017-00D7-A383-AD8E-88F1E0497D02}"/>
              </a:ext>
            </a:extLst>
          </p:cNvPr>
          <p:cNvSpPr/>
          <p:nvPr/>
        </p:nvSpPr>
        <p:spPr bwMode="auto">
          <a:xfrm>
            <a:off x="5986073" y="4292617"/>
            <a:ext cx="5685358" cy="2236638"/>
          </a:xfrm>
          <a:prstGeom prst="roundRect">
            <a:avLst>
              <a:gd name="adj" fmla="val 10962"/>
            </a:avLst>
          </a:prstGeom>
          <a:noFill/>
          <a:ln w="1778" cap="flat" cmpd="sng" algn="ctr">
            <a:solidFill>
              <a:srgbClr val="CDCDCD"/>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sp>
        <p:nvSpPr>
          <p:cNvPr id="4" name="Pladsholder til dato 3">
            <a:extLst>
              <a:ext uri="{FF2B5EF4-FFF2-40B4-BE49-F238E27FC236}">
                <a16:creationId xmlns:a16="http://schemas.microsoft.com/office/drawing/2014/main" id="{D8522F70-C08A-E721-25B8-31574F315760}"/>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A265F57E-9C44-4476-A6E4-345BEE717D6C}"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31378A72-F165-A48E-CC80-FE66934C761F}"/>
              </a:ext>
            </a:extLst>
          </p:cNvPr>
          <p:cNvSpPr txBox="1">
            <a:spLocks/>
          </p:cNvSpPr>
          <p:nvPr/>
        </p:nvSpPr>
        <p:spPr bwMode="auto">
          <a:xfrm>
            <a:off x="477788" y="695460"/>
            <a:ext cx="6092514"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0" i="0" u="none" strike="noStrike" kern="0" cap="none" spc="-50" normalizeH="0" baseline="0" noProof="0">
                <a:ln>
                  <a:noFill/>
                </a:ln>
                <a:solidFill>
                  <a:srgbClr val="A64443"/>
                </a:solidFill>
                <a:effectLst/>
                <a:uLnTx/>
                <a:uFillTx/>
                <a:latin typeface="AU Passata Light"/>
                <a:ea typeface="+mj-ea"/>
                <a:cs typeface="+mj-cs"/>
              </a:rPr>
              <a:t>Strategisk intention i praksis </a:t>
            </a:r>
          </a:p>
        </p:txBody>
      </p:sp>
      <p:sp>
        <p:nvSpPr>
          <p:cNvPr id="13" name="Tekstfelt 12">
            <a:extLst>
              <a:ext uri="{FF2B5EF4-FFF2-40B4-BE49-F238E27FC236}">
                <a16:creationId xmlns:a16="http://schemas.microsoft.com/office/drawing/2014/main" id="{333DDC17-F892-241A-52B0-E421B90FAB4F}"/>
              </a:ext>
            </a:extLst>
          </p:cNvPr>
          <p:cNvSpPr txBox="1"/>
          <p:nvPr/>
        </p:nvSpPr>
        <p:spPr>
          <a:xfrm>
            <a:off x="505740" y="1596557"/>
            <a:ext cx="5171025" cy="3816429"/>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a:ln>
                  <a:noFill/>
                </a:ln>
                <a:solidFill>
                  <a:srgbClr val="000000"/>
                </a:solidFill>
                <a:effectLst/>
                <a:uLnTx/>
                <a:uFillTx/>
                <a:latin typeface="AU Passata" pitchFamily="34" charset="0"/>
                <a:ea typeface="+mn-ea"/>
                <a:cs typeface="+mn-cs"/>
              </a:rPr>
              <a:t>Formål:</a:t>
            </a:r>
            <a:b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b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At skabe fælles retning og formulere en ønsket fremtid for området med afsæt i det fælles situationsbilled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3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a:ln>
                  <a:noFill/>
                </a:ln>
                <a:solidFill>
                  <a:srgbClr val="000000"/>
                </a:solidFill>
                <a:effectLst/>
                <a:uLnTx/>
                <a:uFillTx/>
                <a:latin typeface="AU Passata" pitchFamily="34" charset="0"/>
                <a:ea typeface="+mn-ea"/>
                <a:cs typeface="+mn-cs"/>
              </a:rPr>
              <a:t>Arbejdsspørgsmål til udvikling af en strategisk intention:</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300" b="1"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a:ln>
                  <a:noFill/>
                </a:ln>
                <a:solidFill>
                  <a:srgbClr val="000000"/>
                </a:solidFill>
                <a:effectLst/>
                <a:uLnTx/>
                <a:uFillTx/>
                <a:latin typeface="AU Passata" pitchFamily="34" charset="0"/>
                <a:ea typeface="+mn-ea"/>
                <a:cs typeface="+mn-cs"/>
              </a:rPr>
              <a:t>1. Beskriv intentionen</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Med afsæt i hvem/hvad skal strategien omhandle, skriv hvad vil I lykkes med – hvilken værdiskabende fremtid ønsker I at skab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3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a:ln>
                  <a:noFill/>
                </a:ln>
                <a:solidFill>
                  <a:srgbClr val="000000"/>
                </a:solidFill>
                <a:effectLst/>
                <a:uLnTx/>
                <a:uFillTx/>
                <a:latin typeface="AU Passata" pitchFamily="34" charset="0"/>
                <a:ea typeface="+mn-ea"/>
                <a:cs typeface="+mn-cs"/>
              </a:rPr>
              <a:t>2. Udfold forskellen</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Hvilken forskel skal det gøre at lykkes med den strategiske intention I lige har formuleret– og for hvem?</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3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a:ln>
                  <a:noFill/>
                </a:ln>
                <a:solidFill>
                  <a:srgbClr val="000000"/>
                </a:solidFill>
                <a:effectLst/>
                <a:uLnTx/>
                <a:uFillTx/>
                <a:latin typeface="AU Passata" pitchFamily="34" charset="0"/>
                <a:ea typeface="+mn-ea"/>
                <a:cs typeface="+mn-cs"/>
              </a:rPr>
              <a:t>3. Identificér tegn på succe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Hvordan kan man se, at I bevæger jer i den ønskede retning?</a:t>
            </a:r>
            <a:b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b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Fx ændringer i arbejdsgange, fokus, organisering eller målbare resultater.</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
        <p:nvSpPr>
          <p:cNvPr id="12" name="Tekstfelt 11">
            <a:extLst>
              <a:ext uri="{FF2B5EF4-FFF2-40B4-BE49-F238E27FC236}">
                <a16:creationId xmlns:a16="http://schemas.microsoft.com/office/drawing/2014/main" id="{94C1BEC1-460E-2CEC-6395-AD48591B9D2E}"/>
              </a:ext>
            </a:extLst>
          </p:cNvPr>
          <p:cNvSpPr txBox="1"/>
          <p:nvPr/>
        </p:nvSpPr>
        <p:spPr>
          <a:xfrm>
            <a:off x="10931389" y="34349"/>
            <a:ext cx="161925" cy="409343"/>
          </a:xfrm>
          <a:prstGeom prst="rect">
            <a:avLst/>
          </a:prstGeom>
          <a:solidFill>
            <a:schemeClr val="bg1"/>
          </a:solidFill>
          <a:ln>
            <a:solidFill>
              <a:schemeClr val="bg1"/>
            </a:solid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2</a:t>
            </a:r>
          </a:p>
        </p:txBody>
      </p:sp>
      <p:sp>
        <p:nvSpPr>
          <p:cNvPr id="14" name="Freeform 4">
            <a:extLst>
              <a:ext uri="{FF2B5EF4-FFF2-40B4-BE49-F238E27FC236}">
                <a16:creationId xmlns:a16="http://schemas.microsoft.com/office/drawing/2014/main" id="{D7B5CC2C-5DD9-4A03-D5D3-AF446047B3A3}"/>
              </a:ext>
            </a:extLst>
          </p:cNvPr>
          <p:cNvSpPr>
            <a:spLocks noChangeArrowheads="1"/>
          </p:cNvSpPr>
          <p:nvPr/>
        </p:nvSpPr>
        <p:spPr bwMode="auto">
          <a:xfrm>
            <a:off x="9274667" y="294109"/>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6" name="Tekstfelt 15">
            <a:extLst>
              <a:ext uri="{FF2B5EF4-FFF2-40B4-BE49-F238E27FC236}">
                <a16:creationId xmlns:a16="http://schemas.microsoft.com/office/drawing/2014/main" id="{C9E14017-BCF3-71AF-F036-682D6C0F1F85}"/>
              </a:ext>
            </a:extLst>
          </p:cNvPr>
          <p:cNvSpPr txBox="1"/>
          <p:nvPr/>
        </p:nvSpPr>
        <p:spPr>
          <a:xfrm>
            <a:off x="5986073" y="1329422"/>
            <a:ext cx="5287986" cy="2215991"/>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a:ln>
                  <a:noFill/>
                </a:ln>
                <a:solidFill>
                  <a:srgbClr val="000000"/>
                </a:solidFill>
                <a:effectLst/>
                <a:uLnTx/>
                <a:uFillTx/>
                <a:latin typeface="AU Passata" pitchFamily="34" charset="0"/>
                <a:ea typeface="+mn-ea"/>
                <a:cs typeface="+mn-cs"/>
              </a:rPr>
              <a:t>Arbejdsform til en gruppe der udvikler den strategiske intention sammen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Start i det fælles situationsbillede og lad deltagern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300" b="0" i="0" u="none" strike="noStrike" kern="1200" cap="none" spc="0" normalizeH="0" baseline="0" noProof="0">
              <a:ln>
                <a:noFill/>
              </a:ln>
              <a:solidFill>
                <a:srgbClr val="000000"/>
              </a:solidFill>
              <a:effectLst/>
              <a:uLnTx/>
              <a:uFillTx/>
              <a:latin typeface="AU Passata" pitchFamily="34" charset="0"/>
              <a:ea typeface="+mn-ea"/>
              <a:cs typeface="+mn-cs"/>
            </a:endParaRPr>
          </a:p>
          <a:p>
            <a:pPr marL="342900" marR="0" lvl="0" indent="-342900" algn="l" defTabSz="914400" rtl="0" eaLnBrk="1" fontAlgn="base" latinLnBrk="0" hangingPunct="1">
              <a:lnSpc>
                <a:spcPct val="100000"/>
              </a:lnSpc>
              <a:spcBef>
                <a:spcPct val="0"/>
              </a:spcBef>
              <a:spcAft>
                <a:spcPct val="0"/>
              </a:spcAft>
              <a:buClrTx/>
              <a:buSzTx/>
              <a:buFont typeface="+mj-lt"/>
              <a:buAutoNum type="arabicPeriod"/>
              <a:tabLst/>
              <a:defRPr/>
            </a:pP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Reflektere individuelt eller i par og skrive forslag til strategiske intentioner på post-</a:t>
            </a:r>
            <a:r>
              <a:rPr kumimoji="0" lang="da-DK" sz="1300" b="0" i="0" u="none" strike="noStrike" kern="1200" cap="none" spc="0" normalizeH="0" baseline="0" noProof="0" err="1">
                <a:ln>
                  <a:noFill/>
                </a:ln>
                <a:solidFill>
                  <a:srgbClr val="000000"/>
                </a:solidFill>
                <a:effectLst/>
                <a:uLnTx/>
                <a:uFillTx/>
                <a:latin typeface="AU Passata" pitchFamily="34" charset="0"/>
                <a:ea typeface="+mn-ea"/>
                <a:cs typeface="+mn-cs"/>
              </a:rPr>
              <a:t>its</a:t>
            </a: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a:t>
            </a:r>
          </a:p>
          <a:p>
            <a:pPr marL="342900" marR="0" lvl="0" indent="-342900" algn="l" defTabSz="914400" rtl="0" eaLnBrk="1" fontAlgn="base" latinLnBrk="0" hangingPunct="1">
              <a:lnSpc>
                <a:spcPct val="100000"/>
              </a:lnSpc>
              <a:spcBef>
                <a:spcPct val="0"/>
              </a:spcBef>
              <a:spcAft>
                <a:spcPct val="0"/>
              </a:spcAft>
              <a:buClrTx/>
              <a:buSzTx/>
              <a:buFont typeface="+mj-lt"/>
              <a:buAutoNum type="arabicPeriod"/>
              <a:tabLst/>
              <a:defRPr/>
            </a:pP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Dele og gruppere forslagene i fælles temaer.</a:t>
            </a:r>
          </a:p>
          <a:p>
            <a:pPr marL="342900" marR="0" lvl="0" indent="-342900" algn="l" defTabSz="914400" rtl="0" eaLnBrk="1" fontAlgn="base" latinLnBrk="0" hangingPunct="1">
              <a:lnSpc>
                <a:spcPct val="100000"/>
              </a:lnSpc>
              <a:spcBef>
                <a:spcPct val="0"/>
              </a:spcBef>
              <a:spcAft>
                <a:spcPct val="0"/>
              </a:spcAft>
              <a:buClrTx/>
              <a:buSzTx/>
              <a:buFont typeface="+mj-lt"/>
              <a:buAutoNum type="arabicPeriod"/>
              <a:tabLst/>
              <a:defRPr/>
            </a:pP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Drøfte og prioritere de vigtigste temaer.</a:t>
            </a:r>
          </a:p>
          <a:p>
            <a:pPr marL="342900" marR="0" lvl="0" indent="-342900" algn="l" defTabSz="914400" rtl="0" eaLnBrk="1" fontAlgn="base" latinLnBrk="0" hangingPunct="1">
              <a:lnSpc>
                <a:spcPct val="100000"/>
              </a:lnSpc>
              <a:spcBef>
                <a:spcPct val="0"/>
              </a:spcBef>
              <a:spcAft>
                <a:spcPct val="0"/>
              </a:spcAft>
              <a:buClrTx/>
              <a:buSzTx/>
              <a:buFont typeface="+mj-lt"/>
              <a:buAutoNum type="arabicPeriod"/>
              <a:tabLst/>
              <a:defRPr/>
            </a:pPr>
            <a:r>
              <a:rPr kumimoji="0" lang="da-DK" sz="1300" b="0" i="0" u="none" strike="noStrike" kern="1200" cap="none" spc="0" normalizeH="0" baseline="0" noProof="0">
                <a:ln>
                  <a:noFill/>
                </a:ln>
                <a:solidFill>
                  <a:srgbClr val="000000"/>
                </a:solidFill>
                <a:effectLst/>
                <a:uLnTx/>
                <a:uFillTx/>
                <a:latin typeface="AU Passata" pitchFamily="34" charset="0"/>
                <a:ea typeface="+mn-ea"/>
                <a:cs typeface="+mn-cs"/>
              </a:rPr>
              <a:t>Aftale, hvem der på baggrund af dialogen formulerer et første udkast til den strategiske intention, og hvornår det skal genbesøge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p:txBody>
      </p:sp>
      <p:pic>
        <p:nvPicPr>
          <p:cNvPr id="7" name="Billede 6" descr="Et billede, der indeholder sort, mørke&#10;&#10;AI-genereret indhold kan være ukorrekt.">
            <a:extLst>
              <a:ext uri="{FF2B5EF4-FFF2-40B4-BE49-F238E27FC236}">
                <a16:creationId xmlns:a16="http://schemas.microsoft.com/office/drawing/2014/main" id="{18E2A425-16C2-75BB-C340-B60F11CAF056}"/>
              </a:ext>
            </a:extLst>
          </p:cNvPr>
          <p:cNvPicPr>
            <a:picLocks noChangeAspect="1"/>
          </p:cNvPicPr>
          <p:nvPr/>
        </p:nvPicPr>
        <p:blipFill>
          <a:blip r:embed="rId3" cstate="print">
            <a:lum bright="70000" contrast="-70000"/>
            <a:extLst>
              <a:ext uri="{28A0092B-C50C-407E-A947-70E740481C1C}">
                <a14:useLocalDpi xmlns:a14="http://schemas.microsoft.com/office/drawing/2010/main" val="0"/>
              </a:ext>
            </a:extLst>
          </a:blip>
          <a:stretch>
            <a:fillRect/>
          </a:stretch>
        </p:blipFill>
        <p:spPr>
          <a:xfrm>
            <a:off x="9442561" y="409872"/>
            <a:ext cx="636225" cy="636225"/>
          </a:xfrm>
          <a:prstGeom prst="rect">
            <a:avLst/>
          </a:prstGeom>
        </p:spPr>
      </p:pic>
      <p:sp>
        <p:nvSpPr>
          <p:cNvPr id="9" name="Rounded Rectangle 5">
            <a:extLst>
              <a:ext uri="{FF2B5EF4-FFF2-40B4-BE49-F238E27FC236}">
                <a16:creationId xmlns:a16="http://schemas.microsoft.com/office/drawing/2014/main" id="{AC3E622B-59B4-0FFD-4D62-7328E6B6FC30}"/>
              </a:ext>
            </a:extLst>
          </p:cNvPr>
          <p:cNvSpPr/>
          <p:nvPr/>
        </p:nvSpPr>
        <p:spPr>
          <a:xfrm>
            <a:off x="5986073" y="3433377"/>
            <a:ext cx="5685358" cy="1478622"/>
          </a:xfrm>
          <a:prstGeom prst="roundRect">
            <a:avLst/>
          </a:prstGeom>
          <a:solidFill>
            <a:srgbClr val="102B48"/>
          </a:solidFill>
          <a:ln w="15875">
            <a:noFill/>
          </a:ln>
          <a:effectLst/>
        </p:spPr>
        <p:style>
          <a:lnRef idx="2">
            <a:schemeClr val="accent1">
              <a:shade val="50000"/>
            </a:schemeClr>
          </a:lnRef>
          <a:fillRef idx="1">
            <a:schemeClr val="accent1"/>
          </a:fillRef>
          <a:effectRef idx="0">
            <a:schemeClr val="accent1"/>
          </a:effectRef>
          <a:fontRef idx="minor">
            <a:schemeClr val="lt1"/>
          </a:fontRef>
        </p:style>
        <p:txBody>
          <a:bodyPr lIns="89977" rtlCol="0" anchor="ctr"/>
          <a:lstStyle/>
          <a:p>
            <a:pPr marL="0" marR="0" lvl="0" indent="0" algn="ctr" defTabSz="914400" rtl="0" eaLnBrk="1" fontAlgn="base" latinLnBrk="0" hangingPunct="1">
              <a:lnSpc>
                <a:spcPts val="4799"/>
              </a:lnSpc>
              <a:spcBef>
                <a:spcPct val="0"/>
              </a:spcBef>
              <a:spcAft>
                <a:spcPct val="0"/>
              </a:spcAft>
              <a:buClrTx/>
              <a:buSzTx/>
              <a:buFont typeface="AU Passata" pitchFamily="34" charset="0"/>
              <a:buNone/>
              <a:tabLst/>
              <a:defRPr/>
            </a:pPr>
            <a:endParaRPr kumimoji="0" lang="uk-UA" sz="1000" b="0" i="0" u="none" strike="noStrike" kern="1200" cap="none" spc="0" normalizeH="0" baseline="0" noProof="0">
              <a:ln>
                <a:noFill/>
              </a:ln>
              <a:solidFill>
                <a:srgbClr val="FFFFFF"/>
              </a:solidFill>
              <a:effectLst/>
              <a:uLnTx/>
              <a:uFillTx/>
              <a:latin typeface="Lato Light" panose="020F0502020204030203" pitchFamily="34" charset="0"/>
              <a:ea typeface="+mn-ea"/>
              <a:cs typeface="+mn-cs"/>
            </a:endParaRPr>
          </a:p>
        </p:txBody>
      </p:sp>
      <p:sp>
        <p:nvSpPr>
          <p:cNvPr id="17" name="Tekstfelt 16">
            <a:extLst>
              <a:ext uri="{FF2B5EF4-FFF2-40B4-BE49-F238E27FC236}">
                <a16:creationId xmlns:a16="http://schemas.microsoft.com/office/drawing/2014/main" id="{1299FE44-74F9-F40E-94D8-DA8C1A445EA9}"/>
              </a:ext>
            </a:extLst>
          </p:cNvPr>
          <p:cNvSpPr txBox="1"/>
          <p:nvPr/>
        </p:nvSpPr>
        <p:spPr>
          <a:xfrm>
            <a:off x="6131332" y="3504772"/>
            <a:ext cx="5414255" cy="1292662"/>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a:ea typeface="+mn-ea"/>
                <a:cs typeface="+mn-cs"/>
              </a:rPr>
              <a:t>Metodeovervejels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Når flere bidrager til formuleringen, styrkes ejerskab og sammenhæng til de opgaver, der følger.</a:t>
            </a:r>
            <a:b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Den strategiske intention kan tage mange former – fra en kort retningssættende sætning til strategiske pejlemærker, en strategisk vej eller et strategihus – afhængigt af kontekst og behov.</a:t>
            </a:r>
            <a:endParaRPr kumimoji="0" lang="en-GB" sz="1400" b="0" i="0" u="none" strike="noStrike" kern="1200" cap="none" spc="0" normalizeH="0" baseline="0" noProof="0">
              <a:ln>
                <a:noFill/>
              </a:ln>
              <a:solidFill>
                <a:srgbClr val="FFFFFF"/>
              </a:solidFill>
              <a:effectLst/>
              <a:uLnTx/>
              <a:uFillTx/>
              <a:latin typeface="AU Passata" pitchFamily="34" charset="0"/>
              <a:ea typeface="+mn-ea"/>
              <a:cs typeface="+mn-cs"/>
            </a:endParaRPr>
          </a:p>
        </p:txBody>
      </p:sp>
      <p:pic>
        <p:nvPicPr>
          <p:cNvPr id="19" name="Billede 18">
            <a:extLst>
              <a:ext uri="{FF2B5EF4-FFF2-40B4-BE49-F238E27FC236}">
                <a16:creationId xmlns:a16="http://schemas.microsoft.com/office/drawing/2014/main" id="{58689650-F149-E1DD-EE5F-AFB3ACA5A5D2}"/>
              </a:ext>
            </a:extLst>
          </p:cNvPr>
          <p:cNvPicPr>
            <a:picLocks noChangeAspect="1"/>
          </p:cNvPicPr>
          <p:nvPr/>
        </p:nvPicPr>
        <p:blipFill>
          <a:blip r:embed="rId4"/>
          <a:stretch>
            <a:fillRect/>
          </a:stretch>
        </p:blipFill>
        <p:spPr>
          <a:xfrm>
            <a:off x="10455165" y="5118880"/>
            <a:ext cx="1155166" cy="1323047"/>
          </a:xfrm>
          <a:prstGeom prst="rect">
            <a:avLst/>
          </a:prstGeom>
        </p:spPr>
      </p:pic>
      <p:pic>
        <p:nvPicPr>
          <p:cNvPr id="21" name="Picture 2" descr="Visuel workshop — Ene Gro Grafisk facilitering og visuel fokusgruppe">
            <a:extLst>
              <a:ext uri="{FF2B5EF4-FFF2-40B4-BE49-F238E27FC236}">
                <a16:creationId xmlns:a16="http://schemas.microsoft.com/office/drawing/2014/main" id="{8F8CD023-8CB1-95D8-180F-5BE37D03D149}"/>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8647715" y="5189471"/>
            <a:ext cx="1702104" cy="1203057"/>
          </a:xfrm>
          <a:prstGeom prst="rect">
            <a:avLst/>
          </a:prstGeom>
          <a:noFill/>
          <a:extLst>
            <a:ext uri="{909E8E84-426E-40DD-AFC4-6F175D3DCCD1}">
              <a14:hiddenFill xmlns:a14="http://schemas.microsoft.com/office/drawing/2010/main">
                <a:solidFill>
                  <a:srgbClr val="FFFFFF"/>
                </a:solidFill>
              </a14:hiddenFill>
            </a:ext>
          </a:extLst>
        </p:spPr>
      </p:pic>
      <p:sp>
        <p:nvSpPr>
          <p:cNvPr id="22" name="Tekstfelt 21">
            <a:extLst>
              <a:ext uri="{FF2B5EF4-FFF2-40B4-BE49-F238E27FC236}">
                <a16:creationId xmlns:a16="http://schemas.microsoft.com/office/drawing/2014/main" id="{C0017D3C-82C8-09B0-4FD1-4668DDF922FB}"/>
              </a:ext>
            </a:extLst>
          </p:cNvPr>
          <p:cNvSpPr txBox="1"/>
          <p:nvPr/>
        </p:nvSpPr>
        <p:spPr>
          <a:xfrm>
            <a:off x="5948293" y="5332657"/>
            <a:ext cx="1455201" cy="877163"/>
          </a:xfrm>
          <a:prstGeom prst="rect">
            <a:avLst/>
          </a:prstGeom>
          <a:no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200" b="0" i="1" u="none" strike="noStrike" kern="1200" cap="none" spc="0" normalizeH="0" baseline="0" noProof="0">
                <a:ln>
                  <a:noFill/>
                </a:ln>
                <a:solidFill>
                  <a:srgbClr val="000000"/>
                </a:solidFill>
                <a:effectLst/>
                <a:uLnTx/>
                <a:uFillTx/>
                <a:latin typeface="AU Passata"/>
                <a:ea typeface="+mn-ea"/>
                <a:cs typeface="+mn-cs"/>
              </a:rPr>
              <a:t>“Vi gør viden anvendelig – for studerende forskere og samfundet omkring os”</a:t>
            </a:r>
          </a:p>
        </p:txBody>
      </p:sp>
      <p:pic>
        <p:nvPicPr>
          <p:cNvPr id="23" name="Grafik 22" descr="Præsentation med tjekliste kontur">
            <a:extLst>
              <a:ext uri="{FF2B5EF4-FFF2-40B4-BE49-F238E27FC236}">
                <a16:creationId xmlns:a16="http://schemas.microsoft.com/office/drawing/2014/main" id="{439C3A24-022B-D1DC-AA1C-67F0C29C5FEA}"/>
              </a:ext>
            </a:extLst>
          </p:cNvPr>
          <p:cNvPicPr>
            <a:picLocks noChangeAspect="1"/>
          </p:cNvPicPr>
          <p:nvPr/>
        </p:nvPicPr>
        <p:blipFill>
          <a:blip>
            <a:extLst>
              <a:ext uri="{96DAC541-7B7A-43D3-8B79-37D633B846F1}">
                <asvg:svgBlip xmlns:asvg="http://schemas.microsoft.com/office/drawing/2016/SVG/main" r:embed="rId6"/>
              </a:ext>
            </a:extLst>
          </a:blip>
          <a:stretch>
            <a:fillRect/>
          </a:stretch>
        </p:blipFill>
        <p:spPr>
          <a:xfrm>
            <a:off x="7745746" y="5258775"/>
            <a:ext cx="837456" cy="837456"/>
          </a:xfrm>
          <a:prstGeom prst="rect">
            <a:avLst/>
          </a:prstGeom>
        </p:spPr>
      </p:pic>
      <p:pic>
        <p:nvPicPr>
          <p:cNvPr id="24" name="Grafik 23" descr="Ambition kontur">
            <a:extLst>
              <a:ext uri="{FF2B5EF4-FFF2-40B4-BE49-F238E27FC236}">
                <a16:creationId xmlns:a16="http://schemas.microsoft.com/office/drawing/2014/main" id="{3E91AB94-6E94-3802-B0D4-5D4B0EDE9254}"/>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7327018" y="5447053"/>
            <a:ext cx="837456" cy="837456"/>
          </a:xfrm>
          <a:prstGeom prst="rect">
            <a:avLst/>
          </a:prstGeom>
        </p:spPr>
      </p:pic>
      <p:sp>
        <p:nvSpPr>
          <p:cNvPr id="25" name="Tekstfelt 24">
            <a:extLst>
              <a:ext uri="{FF2B5EF4-FFF2-40B4-BE49-F238E27FC236}">
                <a16:creationId xmlns:a16="http://schemas.microsoft.com/office/drawing/2014/main" id="{AF0FAC67-8159-1392-F3F7-342C7A61AA45}"/>
              </a:ext>
            </a:extLst>
          </p:cNvPr>
          <p:cNvSpPr txBox="1"/>
          <p:nvPr/>
        </p:nvSpPr>
        <p:spPr>
          <a:xfrm>
            <a:off x="7563571" y="4944607"/>
            <a:ext cx="1155166" cy="350865"/>
          </a:xfrm>
          <a:prstGeom prst="rect">
            <a:avLst/>
          </a:prstGeom>
          <a:no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200" b="1" i="0" u="none" strike="noStrike" kern="1200" cap="none" spc="0" normalizeH="0" baseline="0" noProof="0">
                <a:ln>
                  <a:noFill/>
                </a:ln>
                <a:solidFill>
                  <a:srgbClr val="000000"/>
                </a:solidFill>
                <a:effectLst/>
                <a:uLnTx/>
                <a:uFillTx/>
                <a:latin typeface="AU Passata"/>
                <a:ea typeface="+mn-ea"/>
                <a:cs typeface="+mn-cs"/>
              </a:rPr>
              <a:t>Strategisk </a:t>
            </a:r>
            <a:br>
              <a:rPr kumimoji="0" lang="da-DK" sz="1200" b="1" i="0" u="none" strike="noStrike" kern="1200" cap="none" spc="0" normalizeH="0" baseline="0" noProof="0">
                <a:ln>
                  <a:noFill/>
                </a:ln>
                <a:solidFill>
                  <a:srgbClr val="000000"/>
                </a:solidFill>
                <a:effectLst/>
                <a:uLnTx/>
                <a:uFillTx/>
                <a:latin typeface="AU Passata"/>
                <a:ea typeface="+mn-ea"/>
                <a:cs typeface="+mn-cs"/>
              </a:rPr>
            </a:br>
            <a:r>
              <a:rPr kumimoji="0" lang="da-DK" sz="1200" b="1" i="0" u="none" strike="noStrike" kern="1200" cap="none" spc="0" normalizeH="0" baseline="0" noProof="0">
                <a:ln>
                  <a:noFill/>
                </a:ln>
                <a:solidFill>
                  <a:srgbClr val="000000"/>
                </a:solidFill>
                <a:effectLst/>
                <a:uLnTx/>
                <a:uFillTx/>
                <a:latin typeface="AU Passata"/>
                <a:ea typeface="+mn-ea"/>
                <a:cs typeface="+mn-cs"/>
              </a:rPr>
              <a:t>pejlemærke</a:t>
            </a:r>
          </a:p>
        </p:txBody>
      </p:sp>
      <p:sp>
        <p:nvSpPr>
          <p:cNvPr id="29" name="Tekstfelt 28">
            <a:extLst>
              <a:ext uri="{FF2B5EF4-FFF2-40B4-BE49-F238E27FC236}">
                <a16:creationId xmlns:a16="http://schemas.microsoft.com/office/drawing/2014/main" id="{D07A6A03-3DE6-308A-CDDC-79258CFF4232}"/>
              </a:ext>
            </a:extLst>
          </p:cNvPr>
          <p:cNvSpPr txBox="1"/>
          <p:nvPr/>
        </p:nvSpPr>
        <p:spPr>
          <a:xfrm>
            <a:off x="6032006" y="4944607"/>
            <a:ext cx="1271691" cy="350865"/>
          </a:xfrm>
          <a:prstGeom prst="rect">
            <a:avLst/>
          </a:prstGeom>
          <a:no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200" b="1" i="0" u="none" strike="noStrike" kern="1200" cap="none" spc="0" normalizeH="0" baseline="0" noProof="0">
                <a:ln>
                  <a:noFill/>
                </a:ln>
                <a:solidFill>
                  <a:srgbClr val="000000"/>
                </a:solidFill>
                <a:effectLst/>
                <a:uLnTx/>
                <a:uFillTx/>
                <a:latin typeface="AU Passata"/>
                <a:ea typeface="+mn-ea"/>
                <a:cs typeface="+mn-cs"/>
              </a:rPr>
              <a:t>Retningssættende sætning</a:t>
            </a:r>
          </a:p>
        </p:txBody>
      </p:sp>
      <p:sp>
        <p:nvSpPr>
          <p:cNvPr id="30" name="Tekstfelt 29">
            <a:extLst>
              <a:ext uri="{FF2B5EF4-FFF2-40B4-BE49-F238E27FC236}">
                <a16:creationId xmlns:a16="http://schemas.microsoft.com/office/drawing/2014/main" id="{21456AAD-FC22-6437-F6A4-4A04D92A631A}"/>
              </a:ext>
            </a:extLst>
          </p:cNvPr>
          <p:cNvSpPr txBox="1"/>
          <p:nvPr/>
        </p:nvSpPr>
        <p:spPr>
          <a:xfrm>
            <a:off x="8803878" y="4944607"/>
            <a:ext cx="1155166" cy="175433"/>
          </a:xfrm>
          <a:prstGeom prst="rect">
            <a:avLst/>
          </a:prstGeom>
          <a:no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200" b="1" i="0" u="none" strike="noStrike" kern="1200" cap="none" spc="0" normalizeH="0" baseline="0" noProof="0">
                <a:ln>
                  <a:noFill/>
                </a:ln>
                <a:solidFill>
                  <a:srgbClr val="000000"/>
                </a:solidFill>
                <a:effectLst/>
                <a:uLnTx/>
                <a:uFillTx/>
                <a:latin typeface="AU Passata"/>
                <a:ea typeface="+mn-ea"/>
                <a:cs typeface="+mn-cs"/>
              </a:rPr>
              <a:t>Strategisk vej</a:t>
            </a:r>
          </a:p>
        </p:txBody>
      </p:sp>
      <p:sp>
        <p:nvSpPr>
          <p:cNvPr id="31" name="Tekstfelt 30">
            <a:extLst>
              <a:ext uri="{FF2B5EF4-FFF2-40B4-BE49-F238E27FC236}">
                <a16:creationId xmlns:a16="http://schemas.microsoft.com/office/drawing/2014/main" id="{8BE3EEAE-F566-DFCC-486D-21227FB5FDFF}"/>
              </a:ext>
            </a:extLst>
          </p:cNvPr>
          <p:cNvSpPr txBox="1"/>
          <p:nvPr/>
        </p:nvSpPr>
        <p:spPr>
          <a:xfrm>
            <a:off x="10455165" y="4944607"/>
            <a:ext cx="1155166" cy="175433"/>
          </a:xfrm>
          <a:prstGeom prst="rect">
            <a:avLst/>
          </a:prstGeom>
          <a:no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200" b="1" i="0" u="none" strike="noStrike" kern="1200" cap="none" spc="0" normalizeH="0" baseline="0" noProof="0">
                <a:ln>
                  <a:noFill/>
                </a:ln>
                <a:solidFill>
                  <a:srgbClr val="000000"/>
                </a:solidFill>
                <a:effectLst/>
                <a:uLnTx/>
                <a:uFillTx/>
                <a:latin typeface="AU Passata"/>
                <a:ea typeface="+mn-ea"/>
                <a:cs typeface="+mn-cs"/>
              </a:rPr>
              <a:t>Strategihus</a:t>
            </a:r>
          </a:p>
        </p:txBody>
      </p:sp>
      <p:sp>
        <p:nvSpPr>
          <p:cNvPr id="34" name="Tekstfelt 33">
            <a:extLst>
              <a:ext uri="{FF2B5EF4-FFF2-40B4-BE49-F238E27FC236}">
                <a16:creationId xmlns:a16="http://schemas.microsoft.com/office/drawing/2014/main" id="{02038533-FB88-2E6C-89B9-F90DA477C2AF}"/>
              </a:ext>
            </a:extLst>
          </p:cNvPr>
          <p:cNvSpPr txBox="1"/>
          <p:nvPr/>
        </p:nvSpPr>
        <p:spPr>
          <a:xfrm>
            <a:off x="10329805" y="392530"/>
            <a:ext cx="1527018"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83D83">
                    <a:lumMod val="50000"/>
                  </a:srgbClr>
                </a:solidFill>
                <a:effectLst/>
                <a:uLnTx/>
                <a:uFillTx/>
                <a:latin typeface="AU Passata" pitchFamily="34" charset="0"/>
                <a:ea typeface="+mn-ea"/>
                <a:cs typeface="+mn-cs"/>
              </a:rPr>
              <a:t>Formulér en strategisk intention</a:t>
            </a:r>
          </a:p>
        </p:txBody>
      </p:sp>
      <p:sp>
        <p:nvSpPr>
          <p:cNvPr id="2" name="Pladsholder til slidenummer 1">
            <a:extLst>
              <a:ext uri="{FF2B5EF4-FFF2-40B4-BE49-F238E27FC236}">
                <a16:creationId xmlns:a16="http://schemas.microsoft.com/office/drawing/2014/main" id="{C04D205C-105E-9EC5-C430-A7FA36DDC570}"/>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0</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300225731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bg>
      <p:bgPr>
        <a:solidFill>
          <a:srgbClr val="102B48"/>
        </a:solidFill>
        <a:effectLst/>
      </p:bgPr>
    </p:bg>
    <p:spTree>
      <p:nvGrpSpPr>
        <p:cNvPr id="1" name="">
          <a:extLst>
            <a:ext uri="{FF2B5EF4-FFF2-40B4-BE49-F238E27FC236}">
              <a16:creationId xmlns:a16="http://schemas.microsoft.com/office/drawing/2014/main" id="{133845FB-83A2-7334-C571-AA64E731A237}"/>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45A5035B-0FF0-800A-32C6-FDE2E5BC8353}"/>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E338DED3-8873-4B5F-8007-731C365FD0FC}"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CC15F420-A5B6-E488-16FE-27E03AB1F303}"/>
              </a:ext>
            </a:extLst>
          </p:cNvPr>
          <p:cNvSpPr txBox="1">
            <a:spLocks/>
          </p:cNvSpPr>
          <p:nvPr/>
        </p:nvSpPr>
        <p:spPr bwMode="auto">
          <a:xfrm>
            <a:off x="477788" y="695460"/>
            <a:ext cx="6874150"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FFFFFF"/>
                </a:solidFill>
                <a:effectLst/>
                <a:uLnTx/>
                <a:uFillTx/>
                <a:latin typeface="AU Passata Light"/>
                <a:ea typeface="+mj-ea"/>
                <a:cs typeface="+mj-cs"/>
              </a:rPr>
              <a:t>Samlende bevægelser </a:t>
            </a:r>
          </a:p>
        </p:txBody>
      </p:sp>
      <p:sp>
        <p:nvSpPr>
          <p:cNvPr id="13" name="Tekstfelt 12">
            <a:extLst>
              <a:ext uri="{FF2B5EF4-FFF2-40B4-BE49-F238E27FC236}">
                <a16:creationId xmlns:a16="http://schemas.microsoft.com/office/drawing/2014/main" id="{E9B33066-FBAB-BCA5-DCDF-95FB078CB498}"/>
              </a:ext>
            </a:extLst>
          </p:cNvPr>
          <p:cNvSpPr txBox="1"/>
          <p:nvPr/>
        </p:nvSpPr>
        <p:spPr>
          <a:xfrm>
            <a:off x="517391" y="1540519"/>
            <a:ext cx="4981619" cy="4739759"/>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Hvad er det?</a:t>
            </a: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Samlende bevægelser er de fælles kræfter, der bringer organisationen i retning af den strategiske intention.</a:t>
            </a: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De formuleres med afsæt i intentionen og beskriver, hvilke organisatoriske bevægelser, der er vigtigst for at realisere den.</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Bevægelserne skal opleves som meningsfulde og engagerende – noget, man har lyst til at bidrage til og kan se sig selv i.</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De kan udtrykkes som korte, motiverende sætninger eller temaer, der sætter ord på den retning, organisationen bevæger sig i, og kan suppleres med mål eller fremtidsbilleder, som viser tegn på, at man er på vej.</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FFFFFF"/>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Formålet er, at: </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skabe bevægelse og engagement omkring den strategiske intention, så alle kan se, hvordan deres arbejde bidrager til den fælles retning.</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Light" panose="020B0303030902030804" pitchFamily="34" charset="0"/>
              <a:ea typeface="+mn-ea"/>
              <a:cs typeface="+mn-cs"/>
            </a:endParaRPr>
          </a:p>
        </p:txBody>
      </p:sp>
      <p:sp>
        <p:nvSpPr>
          <p:cNvPr id="16" name="OFF_logo1Computed">
            <a:extLst>
              <a:ext uri="{FF2B5EF4-FFF2-40B4-BE49-F238E27FC236}">
                <a16:creationId xmlns:a16="http://schemas.microsoft.com/office/drawing/2014/main" id="{10A8F742-8C7F-562C-0A6C-36A3D7CD44E1}"/>
              </a:ext>
            </a:extLst>
          </p:cNvPr>
          <p:cNvSpPr/>
          <p:nvPr/>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lvl="0" indent="0" algn="l" defTabSz="914126" rtl="0" eaLnBrk="1" fontAlgn="base" latinLnBrk="0" hangingPunct="1">
              <a:lnSpc>
                <a:spcPct val="90000"/>
              </a:lnSpc>
              <a:spcBef>
                <a:spcPct val="0"/>
              </a:spcBef>
              <a:spcAft>
                <a:spcPct val="0"/>
              </a:spcAft>
              <a:buClrTx/>
              <a:buSzTx/>
              <a:buFont typeface="AU Passata" pitchFamily="34" charset="0"/>
              <a:buNone/>
              <a:tabLst/>
              <a:defRPr/>
            </a:pPr>
            <a:r>
              <a:rPr kumimoji="0" lang="da-DK" sz="1000" b="0" i="0" u="none" strike="noStrike" kern="1200" cap="all" spc="0" normalizeH="0" baseline="0" noProof="1">
                <a:ln>
                  <a:noFill/>
                </a:ln>
                <a:solidFill>
                  <a:srgbClr val="FFFFFF"/>
                </a:solidFill>
                <a:effectLst/>
                <a:uLnTx/>
                <a:uFillTx/>
                <a:latin typeface="AU Passata" pitchFamily="34" charset="0"/>
                <a:ea typeface="+mn-ea"/>
                <a:cs typeface="+mn-cs"/>
              </a:rPr>
              <a:t>Aarhus
Universitet</a:t>
            </a:r>
          </a:p>
        </p:txBody>
      </p:sp>
      <p:pic>
        <p:nvPicPr>
          <p:cNvPr id="17" name="Au logo">
            <a:extLst>
              <a:ext uri="{FF2B5EF4-FFF2-40B4-BE49-F238E27FC236}">
                <a16:creationId xmlns:a16="http://schemas.microsoft.com/office/drawing/2014/main" id="{513A3B83-4C4E-4900-9B20-BFF64AE02FC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a:noFill/>
        </p:spPr>
      </p:pic>
      <p:sp>
        <p:nvSpPr>
          <p:cNvPr id="103" name="Freeform 2">
            <a:extLst>
              <a:ext uri="{FF2B5EF4-FFF2-40B4-BE49-F238E27FC236}">
                <a16:creationId xmlns:a16="http://schemas.microsoft.com/office/drawing/2014/main" id="{382B8B59-99EB-CA93-A036-916DDA58478B}"/>
              </a:ext>
            </a:extLst>
          </p:cNvPr>
          <p:cNvSpPr>
            <a:spLocks noChangeArrowheads="1"/>
          </p:cNvSpPr>
          <p:nvPr/>
        </p:nvSpPr>
        <p:spPr bwMode="auto">
          <a:xfrm>
            <a:off x="7525526" y="0"/>
            <a:ext cx="2659422" cy="6858000"/>
          </a:xfrm>
          <a:custGeom>
            <a:avLst/>
            <a:gdLst>
              <a:gd name="T0" fmla="*/ 3689 w 6472"/>
              <a:gd name="T1" fmla="*/ 11007 h 11008"/>
              <a:gd name="T2" fmla="*/ 2772 w 6472"/>
              <a:gd name="T3" fmla="*/ 11007 h 11008"/>
              <a:gd name="T4" fmla="*/ 2772 w 6472"/>
              <a:gd name="T5" fmla="*/ 10647 h 11008"/>
              <a:gd name="T6" fmla="*/ 2772 w 6472"/>
              <a:gd name="T7" fmla="*/ 10647 h 11008"/>
              <a:gd name="T8" fmla="*/ 4056 w 6472"/>
              <a:gd name="T9" fmla="*/ 9363 h 11008"/>
              <a:gd name="T10" fmla="*/ 5187 w 6472"/>
              <a:gd name="T11" fmla="*/ 9363 h 11008"/>
              <a:gd name="T12" fmla="*/ 5187 w 6472"/>
              <a:gd name="T13" fmla="*/ 9363 h 11008"/>
              <a:gd name="T14" fmla="*/ 5554 w 6472"/>
              <a:gd name="T15" fmla="*/ 8996 h 11008"/>
              <a:gd name="T16" fmla="*/ 5554 w 6472"/>
              <a:gd name="T17" fmla="*/ 8996 h 11008"/>
              <a:gd name="T18" fmla="*/ 5187 w 6472"/>
              <a:gd name="T19" fmla="*/ 8629 h 11008"/>
              <a:gd name="T20" fmla="*/ 1285 w 6472"/>
              <a:gd name="T21" fmla="*/ 8629 h 11008"/>
              <a:gd name="T22" fmla="*/ 1285 w 6472"/>
              <a:gd name="T23" fmla="*/ 8629 h 11008"/>
              <a:gd name="T24" fmla="*/ 0 w 6472"/>
              <a:gd name="T25" fmla="*/ 7344 h 11008"/>
              <a:gd name="T26" fmla="*/ 0 w 6472"/>
              <a:gd name="T27" fmla="*/ 7344 h 11008"/>
              <a:gd name="T28" fmla="*/ 1285 w 6472"/>
              <a:gd name="T29" fmla="*/ 6060 h 11008"/>
              <a:gd name="T30" fmla="*/ 5187 w 6472"/>
              <a:gd name="T31" fmla="*/ 6060 h 11008"/>
              <a:gd name="T32" fmla="*/ 5187 w 6472"/>
              <a:gd name="T33" fmla="*/ 6060 h 11008"/>
              <a:gd name="T34" fmla="*/ 5554 w 6472"/>
              <a:gd name="T35" fmla="*/ 5694 h 11008"/>
              <a:gd name="T36" fmla="*/ 5554 w 6472"/>
              <a:gd name="T37" fmla="*/ 5694 h 11008"/>
              <a:gd name="T38" fmla="*/ 5187 w 6472"/>
              <a:gd name="T39" fmla="*/ 5328 h 11008"/>
              <a:gd name="T40" fmla="*/ 1285 w 6472"/>
              <a:gd name="T41" fmla="*/ 5328 h 11008"/>
              <a:gd name="T42" fmla="*/ 1285 w 6472"/>
              <a:gd name="T43" fmla="*/ 5328 h 11008"/>
              <a:gd name="T44" fmla="*/ 0 w 6472"/>
              <a:gd name="T45" fmla="*/ 4044 h 11008"/>
              <a:gd name="T46" fmla="*/ 0 w 6472"/>
              <a:gd name="T47" fmla="*/ 4044 h 11008"/>
              <a:gd name="T48" fmla="*/ 1285 w 6472"/>
              <a:gd name="T49" fmla="*/ 2759 h 11008"/>
              <a:gd name="T50" fmla="*/ 2410 w 6472"/>
              <a:gd name="T51" fmla="*/ 2759 h 11008"/>
              <a:gd name="T52" fmla="*/ 2410 w 6472"/>
              <a:gd name="T53" fmla="*/ 2759 h 11008"/>
              <a:gd name="T54" fmla="*/ 2777 w 6472"/>
              <a:gd name="T55" fmla="*/ 2392 h 11008"/>
              <a:gd name="T56" fmla="*/ 2777 w 6472"/>
              <a:gd name="T57" fmla="*/ 0 h 11008"/>
              <a:gd name="T58" fmla="*/ 3694 w 6472"/>
              <a:gd name="T59" fmla="*/ 0 h 11008"/>
              <a:gd name="T60" fmla="*/ 3694 w 6472"/>
              <a:gd name="T61" fmla="*/ 2392 h 11008"/>
              <a:gd name="T62" fmla="*/ 3694 w 6472"/>
              <a:gd name="T63" fmla="*/ 2392 h 11008"/>
              <a:gd name="T64" fmla="*/ 2410 w 6472"/>
              <a:gd name="T65" fmla="*/ 3677 h 11008"/>
              <a:gd name="T66" fmla="*/ 1285 w 6472"/>
              <a:gd name="T67" fmla="*/ 3677 h 11008"/>
              <a:gd name="T68" fmla="*/ 1285 w 6472"/>
              <a:gd name="T69" fmla="*/ 3677 h 11008"/>
              <a:gd name="T70" fmla="*/ 918 w 6472"/>
              <a:gd name="T71" fmla="*/ 4044 h 11008"/>
              <a:gd name="T72" fmla="*/ 918 w 6472"/>
              <a:gd name="T73" fmla="*/ 4044 h 11008"/>
              <a:gd name="T74" fmla="*/ 1285 w 6472"/>
              <a:gd name="T75" fmla="*/ 4411 h 11008"/>
              <a:gd name="T76" fmla="*/ 5187 w 6472"/>
              <a:gd name="T77" fmla="*/ 4411 h 11008"/>
              <a:gd name="T78" fmla="*/ 5187 w 6472"/>
              <a:gd name="T79" fmla="*/ 4411 h 11008"/>
              <a:gd name="T80" fmla="*/ 6471 w 6472"/>
              <a:gd name="T81" fmla="*/ 5694 h 11008"/>
              <a:gd name="T82" fmla="*/ 6471 w 6472"/>
              <a:gd name="T83" fmla="*/ 5694 h 11008"/>
              <a:gd name="T84" fmla="*/ 5187 w 6472"/>
              <a:gd name="T85" fmla="*/ 6977 h 11008"/>
              <a:gd name="T86" fmla="*/ 1285 w 6472"/>
              <a:gd name="T87" fmla="*/ 6977 h 11008"/>
              <a:gd name="T88" fmla="*/ 1285 w 6472"/>
              <a:gd name="T89" fmla="*/ 6977 h 11008"/>
              <a:gd name="T90" fmla="*/ 918 w 6472"/>
              <a:gd name="T91" fmla="*/ 7344 h 11008"/>
              <a:gd name="T92" fmla="*/ 918 w 6472"/>
              <a:gd name="T93" fmla="*/ 7344 h 11008"/>
              <a:gd name="T94" fmla="*/ 1285 w 6472"/>
              <a:gd name="T95" fmla="*/ 7711 h 11008"/>
              <a:gd name="T96" fmla="*/ 5187 w 6472"/>
              <a:gd name="T97" fmla="*/ 7711 h 11008"/>
              <a:gd name="T98" fmla="*/ 5187 w 6472"/>
              <a:gd name="T99" fmla="*/ 7711 h 11008"/>
              <a:gd name="T100" fmla="*/ 6471 w 6472"/>
              <a:gd name="T101" fmla="*/ 8996 h 11008"/>
              <a:gd name="T102" fmla="*/ 6471 w 6472"/>
              <a:gd name="T103" fmla="*/ 8996 h 11008"/>
              <a:gd name="T104" fmla="*/ 5187 w 6472"/>
              <a:gd name="T105" fmla="*/ 10280 h 11008"/>
              <a:gd name="T106" fmla="*/ 4056 w 6472"/>
              <a:gd name="T107" fmla="*/ 10280 h 11008"/>
              <a:gd name="T108" fmla="*/ 4056 w 6472"/>
              <a:gd name="T109" fmla="*/ 10280 h 11008"/>
              <a:gd name="T110" fmla="*/ 3689 w 6472"/>
              <a:gd name="T111" fmla="*/ 10647 h 11008"/>
              <a:gd name="T112" fmla="*/ 3689 w 6472"/>
              <a:gd name="T113" fmla="*/ 11007 h 110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472" h="11008">
                <a:moveTo>
                  <a:pt x="3689" y="11007"/>
                </a:moveTo>
                <a:lnTo>
                  <a:pt x="2772" y="11007"/>
                </a:lnTo>
                <a:lnTo>
                  <a:pt x="2772" y="10647"/>
                </a:lnTo>
                <a:lnTo>
                  <a:pt x="2772" y="10647"/>
                </a:lnTo>
                <a:cubicBezTo>
                  <a:pt x="2772" y="9939"/>
                  <a:pt x="3347" y="9363"/>
                  <a:pt x="4056" y="9363"/>
                </a:cubicBezTo>
                <a:lnTo>
                  <a:pt x="5187" y="9363"/>
                </a:lnTo>
                <a:lnTo>
                  <a:pt x="5187" y="9363"/>
                </a:lnTo>
                <a:cubicBezTo>
                  <a:pt x="5390" y="9363"/>
                  <a:pt x="5554" y="9198"/>
                  <a:pt x="5554" y="8996"/>
                </a:cubicBezTo>
                <a:lnTo>
                  <a:pt x="5554" y="8996"/>
                </a:lnTo>
                <a:cubicBezTo>
                  <a:pt x="5554" y="8793"/>
                  <a:pt x="5390" y="8629"/>
                  <a:pt x="5187" y="8629"/>
                </a:cubicBezTo>
                <a:lnTo>
                  <a:pt x="1285" y="8629"/>
                </a:lnTo>
                <a:lnTo>
                  <a:pt x="1285" y="8629"/>
                </a:lnTo>
                <a:cubicBezTo>
                  <a:pt x="576" y="8629"/>
                  <a:pt x="0" y="8053"/>
                  <a:pt x="0" y="7344"/>
                </a:cubicBezTo>
                <a:lnTo>
                  <a:pt x="0" y="7344"/>
                </a:lnTo>
                <a:cubicBezTo>
                  <a:pt x="0" y="6637"/>
                  <a:pt x="576" y="6060"/>
                  <a:pt x="1285" y="6060"/>
                </a:cubicBezTo>
                <a:lnTo>
                  <a:pt x="5187" y="6060"/>
                </a:lnTo>
                <a:lnTo>
                  <a:pt x="5187" y="6060"/>
                </a:lnTo>
                <a:cubicBezTo>
                  <a:pt x="5390" y="6060"/>
                  <a:pt x="5554" y="5896"/>
                  <a:pt x="5554" y="5694"/>
                </a:cubicBezTo>
                <a:lnTo>
                  <a:pt x="5554" y="5694"/>
                </a:lnTo>
                <a:cubicBezTo>
                  <a:pt x="5554" y="5492"/>
                  <a:pt x="5390" y="5328"/>
                  <a:pt x="5187" y="5328"/>
                </a:cubicBezTo>
                <a:lnTo>
                  <a:pt x="1285" y="5328"/>
                </a:lnTo>
                <a:lnTo>
                  <a:pt x="1285" y="5328"/>
                </a:lnTo>
                <a:cubicBezTo>
                  <a:pt x="576" y="5328"/>
                  <a:pt x="0" y="4752"/>
                  <a:pt x="0" y="4044"/>
                </a:cubicBezTo>
                <a:lnTo>
                  <a:pt x="0" y="4044"/>
                </a:lnTo>
                <a:cubicBezTo>
                  <a:pt x="0" y="3335"/>
                  <a:pt x="576" y="2759"/>
                  <a:pt x="1285" y="2759"/>
                </a:cubicBezTo>
                <a:lnTo>
                  <a:pt x="2410" y="2759"/>
                </a:lnTo>
                <a:lnTo>
                  <a:pt x="2410" y="2759"/>
                </a:lnTo>
                <a:cubicBezTo>
                  <a:pt x="2613" y="2759"/>
                  <a:pt x="2777" y="2595"/>
                  <a:pt x="2777" y="2392"/>
                </a:cubicBezTo>
                <a:lnTo>
                  <a:pt x="2777" y="0"/>
                </a:lnTo>
                <a:lnTo>
                  <a:pt x="3694" y="0"/>
                </a:lnTo>
                <a:lnTo>
                  <a:pt x="3694" y="2392"/>
                </a:lnTo>
                <a:lnTo>
                  <a:pt x="3694" y="2392"/>
                </a:lnTo>
                <a:cubicBezTo>
                  <a:pt x="3694" y="3101"/>
                  <a:pt x="3118" y="3677"/>
                  <a:pt x="2410" y="3677"/>
                </a:cubicBezTo>
                <a:lnTo>
                  <a:pt x="1285" y="3677"/>
                </a:lnTo>
                <a:lnTo>
                  <a:pt x="1285" y="3677"/>
                </a:lnTo>
                <a:cubicBezTo>
                  <a:pt x="1082" y="3677"/>
                  <a:pt x="918" y="3841"/>
                  <a:pt x="918" y="4044"/>
                </a:cubicBezTo>
                <a:lnTo>
                  <a:pt x="918" y="4044"/>
                </a:lnTo>
                <a:cubicBezTo>
                  <a:pt x="918" y="4246"/>
                  <a:pt x="1082" y="4411"/>
                  <a:pt x="1285" y="4411"/>
                </a:cubicBezTo>
                <a:lnTo>
                  <a:pt x="5187" y="4411"/>
                </a:lnTo>
                <a:lnTo>
                  <a:pt x="5187" y="4411"/>
                </a:lnTo>
                <a:cubicBezTo>
                  <a:pt x="5895" y="4411"/>
                  <a:pt x="6471" y="4987"/>
                  <a:pt x="6471" y="5694"/>
                </a:cubicBezTo>
                <a:lnTo>
                  <a:pt x="6471" y="5694"/>
                </a:lnTo>
                <a:cubicBezTo>
                  <a:pt x="6471" y="6402"/>
                  <a:pt x="5895" y="6977"/>
                  <a:pt x="5187" y="6977"/>
                </a:cubicBezTo>
                <a:lnTo>
                  <a:pt x="1285" y="6977"/>
                </a:lnTo>
                <a:lnTo>
                  <a:pt x="1285" y="6977"/>
                </a:lnTo>
                <a:cubicBezTo>
                  <a:pt x="1082" y="6977"/>
                  <a:pt x="918" y="7143"/>
                  <a:pt x="918" y="7344"/>
                </a:cubicBezTo>
                <a:lnTo>
                  <a:pt x="918" y="7344"/>
                </a:lnTo>
                <a:cubicBezTo>
                  <a:pt x="918" y="7547"/>
                  <a:pt x="1082" y="7711"/>
                  <a:pt x="1285" y="7711"/>
                </a:cubicBezTo>
                <a:lnTo>
                  <a:pt x="5187" y="7711"/>
                </a:lnTo>
                <a:lnTo>
                  <a:pt x="5187" y="7711"/>
                </a:lnTo>
                <a:cubicBezTo>
                  <a:pt x="5895" y="7711"/>
                  <a:pt x="6471" y="8287"/>
                  <a:pt x="6471" y="8996"/>
                </a:cubicBezTo>
                <a:lnTo>
                  <a:pt x="6471" y="8996"/>
                </a:lnTo>
                <a:cubicBezTo>
                  <a:pt x="6471" y="9704"/>
                  <a:pt x="5895" y="10280"/>
                  <a:pt x="5187" y="10280"/>
                </a:cubicBezTo>
                <a:lnTo>
                  <a:pt x="4056" y="10280"/>
                </a:lnTo>
                <a:lnTo>
                  <a:pt x="4056" y="10280"/>
                </a:lnTo>
                <a:cubicBezTo>
                  <a:pt x="3853" y="10280"/>
                  <a:pt x="3689" y="10444"/>
                  <a:pt x="3689" y="10647"/>
                </a:cubicBezTo>
                <a:lnTo>
                  <a:pt x="3689" y="11007"/>
                </a:lnTo>
              </a:path>
            </a:pathLst>
          </a:custGeom>
          <a:solidFill>
            <a:schemeClr val="accent6">
              <a:alpha val="40000"/>
            </a:schemeClr>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4" name="Freeform 29">
            <a:extLst>
              <a:ext uri="{FF2B5EF4-FFF2-40B4-BE49-F238E27FC236}">
                <a16:creationId xmlns:a16="http://schemas.microsoft.com/office/drawing/2014/main" id="{9AABCA8C-6336-1F9C-43BA-F3A3FC798A08}"/>
              </a:ext>
            </a:extLst>
          </p:cNvPr>
          <p:cNvSpPr>
            <a:spLocks noChangeArrowheads="1"/>
          </p:cNvSpPr>
          <p:nvPr/>
        </p:nvSpPr>
        <p:spPr bwMode="auto">
          <a:xfrm>
            <a:off x="7823205" y="0"/>
            <a:ext cx="1922798" cy="6751320"/>
          </a:xfrm>
          <a:custGeom>
            <a:avLst/>
            <a:gdLst>
              <a:gd name="connsiteX0" fmla="*/ 1902033 w 3845787"/>
              <a:gd name="connsiteY0" fmla="*/ 7323434 h 7534754"/>
              <a:gd name="connsiteX1" fmla="*/ 1937679 w 3845787"/>
              <a:gd name="connsiteY1" fmla="*/ 7323434 h 7534754"/>
              <a:gd name="connsiteX2" fmla="*/ 1937679 w 3845787"/>
              <a:gd name="connsiteY2" fmla="*/ 7534754 h 7534754"/>
              <a:gd name="connsiteX3" fmla="*/ 1902033 w 3845787"/>
              <a:gd name="connsiteY3" fmla="*/ 7534754 h 7534754"/>
              <a:gd name="connsiteX4" fmla="*/ 2031274 w 3845787"/>
              <a:gd name="connsiteY4" fmla="*/ 6923643 h 7534754"/>
              <a:gd name="connsiteX5" fmla="*/ 2058837 w 3845787"/>
              <a:gd name="connsiteY5" fmla="*/ 6945474 h 7534754"/>
              <a:gd name="connsiteX6" fmla="*/ 1963057 w 3845787"/>
              <a:gd name="connsiteY6" fmla="*/ 7122856 h 7534754"/>
              <a:gd name="connsiteX7" fmla="*/ 1929292 w 3845787"/>
              <a:gd name="connsiteY7" fmla="*/ 7112622 h 7534754"/>
              <a:gd name="connsiteX8" fmla="*/ 2031274 w 3845787"/>
              <a:gd name="connsiteY8" fmla="*/ 6923643 h 7534754"/>
              <a:gd name="connsiteX9" fmla="*/ 2395606 w 3845787"/>
              <a:gd name="connsiteY9" fmla="*/ 6711633 h 7534754"/>
              <a:gd name="connsiteX10" fmla="*/ 2401087 w 3845787"/>
              <a:gd name="connsiteY10" fmla="*/ 6746880 h 7534754"/>
              <a:gd name="connsiteX11" fmla="*/ 2210605 w 3845787"/>
              <a:gd name="connsiteY11" fmla="*/ 6813918 h 7534754"/>
              <a:gd name="connsiteX12" fmla="*/ 2192790 w 3845787"/>
              <a:gd name="connsiteY12" fmla="*/ 6784200 h 7534754"/>
              <a:gd name="connsiteX13" fmla="*/ 2395606 w 3845787"/>
              <a:gd name="connsiteY13" fmla="*/ 6711633 h 7534754"/>
              <a:gd name="connsiteX14" fmla="*/ 3028715 w 3845787"/>
              <a:gd name="connsiteY14" fmla="*/ 6702544 h 7534754"/>
              <a:gd name="connsiteX15" fmla="*/ 3237014 w 3845787"/>
              <a:gd name="connsiteY15" fmla="*/ 6702544 h 7534754"/>
              <a:gd name="connsiteX16" fmla="*/ 3237014 w 3845787"/>
              <a:gd name="connsiteY16" fmla="*/ 6738190 h 7534754"/>
              <a:gd name="connsiteX17" fmla="*/ 3028715 w 3845787"/>
              <a:gd name="connsiteY17" fmla="*/ 6738190 h 7534754"/>
              <a:gd name="connsiteX18" fmla="*/ 2607726 w 3845787"/>
              <a:gd name="connsiteY18" fmla="*/ 6702544 h 7534754"/>
              <a:gd name="connsiteX19" fmla="*/ 2819046 w 3845787"/>
              <a:gd name="connsiteY19" fmla="*/ 6702544 h 7534754"/>
              <a:gd name="connsiteX20" fmla="*/ 2819046 w 3845787"/>
              <a:gd name="connsiteY20" fmla="*/ 6738190 h 7534754"/>
              <a:gd name="connsiteX21" fmla="*/ 2607726 w 3845787"/>
              <a:gd name="connsiteY21" fmla="*/ 6738190 h 7534754"/>
              <a:gd name="connsiteX22" fmla="*/ 3617162 w 3845787"/>
              <a:gd name="connsiteY22" fmla="*/ 6575338 h 7534754"/>
              <a:gd name="connsiteX23" fmla="*/ 3639830 w 3845787"/>
              <a:gd name="connsiteY23" fmla="*/ 6602267 h 7534754"/>
              <a:gd name="connsiteX24" fmla="*/ 3451613 w 3845787"/>
              <a:gd name="connsiteY24" fmla="*/ 6707910 h 7534754"/>
              <a:gd name="connsiteX25" fmla="*/ 3440622 w 3845787"/>
              <a:gd name="connsiteY25" fmla="*/ 6674767 h 7534754"/>
              <a:gd name="connsiteX26" fmla="*/ 3617162 w 3845787"/>
              <a:gd name="connsiteY26" fmla="*/ 6575338 h 7534754"/>
              <a:gd name="connsiteX27" fmla="*/ 3810378 w 3845787"/>
              <a:gd name="connsiteY27" fmla="*/ 6227039 h 7534754"/>
              <a:gd name="connsiteX28" fmla="*/ 3845776 w 3845787"/>
              <a:gd name="connsiteY28" fmla="*/ 6231835 h 7534754"/>
              <a:gd name="connsiteX29" fmla="*/ 3777062 w 3845787"/>
              <a:gd name="connsiteY29" fmla="*/ 6435334 h 7534754"/>
              <a:gd name="connsiteX30" fmla="*/ 3746523 w 3845787"/>
              <a:gd name="connsiteY30" fmla="*/ 6418889 h 7534754"/>
              <a:gd name="connsiteX31" fmla="*/ 3810378 w 3845787"/>
              <a:gd name="connsiteY31" fmla="*/ 6227039 h 7534754"/>
              <a:gd name="connsiteX32" fmla="*/ 3745764 w 3845787"/>
              <a:gd name="connsiteY32" fmla="*/ 5821189 h 7534754"/>
              <a:gd name="connsiteX33" fmla="*/ 3833666 w 3845787"/>
              <a:gd name="connsiteY33" fmla="*/ 6018187 h 7534754"/>
              <a:gd name="connsiteX34" fmla="*/ 3799329 w 3845787"/>
              <a:gd name="connsiteY34" fmla="*/ 6026453 h 7534754"/>
              <a:gd name="connsiteX35" fmla="*/ 3716234 w 3845787"/>
              <a:gd name="connsiteY35" fmla="*/ 5841164 h 7534754"/>
              <a:gd name="connsiteX36" fmla="*/ 3393655 w 3845787"/>
              <a:gd name="connsiteY36" fmla="*/ 5584951 h 7534754"/>
              <a:gd name="connsiteX37" fmla="*/ 3591369 w 3845787"/>
              <a:gd name="connsiteY37" fmla="*/ 5670584 h 7534754"/>
              <a:gd name="connsiteX38" fmla="*/ 3571461 w 3845787"/>
              <a:gd name="connsiteY38" fmla="*/ 5699357 h 7534754"/>
              <a:gd name="connsiteX39" fmla="*/ 3386103 w 3845787"/>
              <a:gd name="connsiteY39" fmla="*/ 5618519 h 7534754"/>
              <a:gd name="connsiteX40" fmla="*/ 2971172 w 3845787"/>
              <a:gd name="connsiteY40" fmla="*/ 5569805 h 7534754"/>
              <a:gd name="connsiteX41" fmla="*/ 3182492 w 3845787"/>
              <a:gd name="connsiteY41" fmla="*/ 5569805 h 7534754"/>
              <a:gd name="connsiteX42" fmla="*/ 3182492 w 3845787"/>
              <a:gd name="connsiteY42" fmla="*/ 5605451 h 7534754"/>
              <a:gd name="connsiteX43" fmla="*/ 2971172 w 3845787"/>
              <a:gd name="connsiteY43" fmla="*/ 5605451 h 7534754"/>
              <a:gd name="connsiteX44" fmla="*/ 2550180 w 3845787"/>
              <a:gd name="connsiteY44" fmla="*/ 5569805 h 7534754"/>
              <a:gd name="connsiteX45" fmla="*/ 2761500 w 3845787"/>
              <a:gd name="connsiteY45" fmla="*/ 5569805 h 7534754"/>
              <a:gd name="connsiteX46" fmla="*/ 2761500 w 3845787"/>
              <a:gd name="connsiteY46" fmla="*/ 5605451 h 7534754"/>
              <a:gd name="connsiteX47" fmla="*/ 2550180 w 3845787"/>
              <a:gd name="connsiteY47" fmla="*/ 5605451 h 7534754"/>
              <a:gd name="connsiteX48" fmla="*/ 2132217 w 3845787"/>
              <a:gd name="connsiteY48" fmla="*/ 5569805 h 7534754"/>
              <a:gd name="connsiteX49" fmla="*/ 2343537 w 3845787"/>
              <a:gd name="connsiteY49" fmla="*/ 5569805 h 7534754"/>
              <a:gd name="connsiteX50" fmla="*/ 2343537 w 3845787"/>
              <a:gd name="connsiteY50" fmla="*/ 5605451 h 7534754"/>
              <a:gd name="connsiteX51" fmla="*/ 2132217 w 3845787"/>
              <a:gd name="connsiteY51" fmla="*/ 5605451 h 7534754"/>
              <a:gd name="connsiteX52" fmla="*/ 1711227 w 3845787"/>
              <a:gd name="connsiteY52" fmla="*/ 5569805 h 7534754"/>
              <a:gd name="connsiteX53" fmla="*/ 1922547 w 3845787"/>
              <a:gd name="connsiteY53" fmla="*/ 5569805 h 7534754"/>
              <a:gd name="connsiteX54" fmla="*/ 1922547 w 3845787"/>
              <a:gd name="connsiteY54" fmla="*/ 5605451 h 7534754"/>
              <a:gd name="connsiteX55" fmla="*/ 1711227 w 3845787"/>
              <a:gd name="connsiteY55" fmla="*/ 5605451 h 7534754"/>
              <a:gd name="connsiteX56" fmla="*/ 1293264 w 3845787"/>
              <a:gd name="connsiteY56" fmla="*/ 5569805 h 7534754"/>
              <a:gd name="connsiteX57" fmla="*/ 1501561 w 3845787"/>
              <a:gd name="connsiteY57" fmla="*/ 5569805 h 7534754"/>
              <a:gd name="connsiteX58" fmla="*/ 1501561 w 3845787"/>
              <a:gd name="connsiteY58" fmla="*/ 5605451 h 7534754"/>
              <a:gd name="connsiteX59" fmla="*/ 1293264 w 3845787"/>
              <a:gd name="connsiteY59" fmla="*/ 5605451 h 7534754"/>
              <a:gd name="connsiteX60" fmla="*/ 872272 w 3845787"/>
              <a:gd name="connsiteY60" fmla="*/ 5569805 h 7534754"/>
              <a:gd name="connsiteX61" fmla="*/ 1083591 w 3845787"/>
              <a:gd name="connsiteY61" fmla="*/ 5569805 h 7534754"/>
              <a:gd name="connsiteX62" fmla="*/ 1083591 w 3845787"/>
              <a:gd name="connsiteY62" fmla="*/ 5605451 h 7534754"/>
              <a:gd name="connsiteX63" fmla="*/ 872272 w 3845787"/>
              <a:gd name="connsiteY63" fmla="*/ 5605451 h 7534754"/>
              <a:gd name="connsiteX64" fmla="*/ 456548 w 3845787"/>
              <a:gd name="connsiteY64" fmla="*/ 5554664 h 7534754"/>
              <a:gd name="connsiteX65" fmla="*/ 584466 w 3845787"/>
              <a:gd name="connsiteY65" fmla="*/ 5569475 h 7534754"/>
              <a:gd name="connsiteX66" fmla="*/ 662599 w 3845787"/>
              <a:gd name="connsiteY66" fmla="*/ 5569475 h 7534754"/>
              <a:gd name="connsiteX67" fmla="*/ 662599 w 3845787"/>
              <a:gd name="connsiteY67" fmla="*/ 5605445 h 7534754"/>
              <a:gd name="connsiteX68" fmla="*/ 584466 w 3845787"/>
              <a:gd name="connsiteY68" fmla="*/ 5605445 h 7534754"/>
              <a:gd name="connsiteX69" fmla="*/ 448251 w 3845787"/>
              <a:gd name="connsiteY69" fmla="*/ 5589224 h 7534754"/>
              <a:gd name="connsiteX70" fmla="*/ 129407 w 3845787"/>
              <a:gd name="connsiteY70" fmla="*/ 5327507 h 7534754"/>
              <a:gd name="connsiteX71" fmla="*/ 271901 w 3845787"/>
              <a:gd name="connsiteY71" fmla="*/ 5470687 h 7534754"/>
              <a:gd name="connsiteX72" fmla="*/ 252034 w 3845787"/>
              <a:gd name="connsiteY72" fmla="*/ 5499460 h 7534754"/>
              <a:gd name="connsiteX73" fmla="*/ 99950 w 3845787"/>
              <a:gd name="connsiteY73" fmla="*/ 5347374 h 7534754"/>
              <a:gd name="connsiteX74" fmla="*/ 6348 w 3845787"/>
              <a:gd name="connsiteY74" fmla="*/ 4936804 h 7534754"/>
              <a:gd name="connsiteX75" fmla="*/ 41614 w 3845787"/>
              <a:gd name="connsiteY75" fmla="*/ 4941598 h 7534754"/>
              <a:gd name="connsiteX76" fmla="*/ 35972 w 3845787"/>
              <a:gd name="connsiteY76" fmla="*/ 5018984 h 7534754"/>
              <a:gd name="connsiteX77" fmla="*/ 50783 w 3845787"/>
              <a:gd name="connsiteY77" fmla="*/ 5142939 h 7534754"/>
              <a:gd name="connsiteX78" fmla="*/ 15517 w 3845787"/>
              <a:gd name="connsiteY78" fmla="*/ 5151157 h 7534754"/>
              <a:gd name="connsiteX79" fmla="*/ 0 w 3845787"/>
              <a:gd name="connsiteY79" fmla="*/ 5018984 h 7534754"/>
              <a:gd name="connsiteX80" fmla="*/ 6348 w 3845787"/>
              <a:gd name="connsiteY80" fmla="*/ 4936804 h 7534754"/>
              <a:gd name="connsiteX81" fmla="*/ 213603 w 3845787"/>
              <a:gd name="connsiteY81" fmla="*/ 4567303 h 7534754"/>
              <a:gd name="connsiteX82" fmla="*/ 235555 w 3845787"/>
              <a:gd name="connsiteY82" fmla="*/ 4594289 h 7534754"/>
              <a:gd name="connsiteX83" fmla="*/ 105903 w 3845787"/>
              <a:gd name="connsiteY83" fmla="*/ 4751362 h 7534754"/>
              <a:gd name="connsiteX84" fmla="*/ 75720 w 3845787"/>
              <a:gd name="connsiteY84" fmla="*/ 4733371 h 7534754"/>
              <a:gd name="connsiteX85" fmla="*/ 213603 w 3845787"/>
              <a:gd name="connsiteY85" fmla="*/ 4567303 h 7534754"/>
              <a:gd name="connsiteX86" fmla="*/ 584408 w 3845787"/>
              <a:gd name="connsiteY86" fmla="*/ 4434039 h 7534754"/>
              <a:gd name="connsiteX87" fmla="*/ 614140 w 3845787"/>
              <a:gd name="connsiteY87" fmla="*/ 4434039 h 7534754"/>
              <a:gd name="connsiteX88" fmla="*/ 614140 w 3845787"/>
              <a:gd name="connsiteY88" fmla="*/ 4469684 h 7534754"/>
              <a:gd name="connsiteX89" fmla="*/ 584408 w 3845787"/>
              <a:gd name="connsiteY89" fmla="*/ 4469684 h 7534754"/>
              <a:gd name="connsiteX90" fmla="*/ 410855 w 3845787"/>
              <a:gd name="connsiteY90" fmla="*/ 4496942 h 7534754"/>
              <a:gd name="connsiteX91" fmla="*/ 399792 w 3845787"/>
              <a:gd name="connsiteY91" fmla="*/ 4463394 h 7534754"/>
              <a:gd name="connsiteX92" fmla="*/ 584408 w 3845787"/>
              <a:gd name="connsiteY92" fmla="*/ 4434039 h 7534754"/>
              <a:gd name="connsiteX93" fmla="*/ 2922713 w 3845787"/>
              <a:gd name="connsiteY93" fmla="*/ 4434037 h 7534754"/>
              <a:gd name="connsiteX94" fmla="*/ 3134033 w 3845787"/>
              <a:gd name="connsiteY94" fmla="*/ 4434037 h 7534754"/>
              <a:gd name="connsiteX95" fmla="*/ 3134033 w 3845787"/>
              <a:gd name="connsiteY95" fmla="*/ 4469683 h 7534754"/>
              <a:gd name="connsiteX96" fmla="*/ 2922713 w 3845787"/>
              <a:gd name="connsiteY96" fmla="*/ 4469683 h 7534754"/>
              <a:gd name="connsiteX97" fmla="*/ 2501720 w 3845787"/>
              <a:gd name="connsiteY97" fmla="*/ 4434037 h 7534754"/>
              <a:gd name="connsiteX98" fmla="*/ 2713040 w 3845787"/>
              <a:gd name="connsiteY98" fmla="*/ 4434037 h 7534754"/>
              <a:gd name="connsiteX99" fmla="*/ 2713040 w 3845787"/>
              <a:gd name="connsiteY99" fmla="*/ 4469683 h 7534754"/>
              <a:gd name="connsiteX100" fmla="*/ 2501720 w 3845787"/>
              <a:gd name="connsiteY100" fmla="*/ 4469683 h 7534754"/>
              <a:gd name="connsiteX101" fmla="*/ 2083758 w 3845787"/>
              <a:gd name="connsiteY101" fmla="*/ 4434037 h 7534754"/>
              <a:gd name="connsiteX102" fmla="*/ 2295078 w 3845787"/>
              <a:gd name="connsiteY102" fmla="*/ 4434037 h 7534754"/>
              <a:gd name="connsiteX103" fmla="*/ 2295078 w 3845787"/>
              <a:gd name="connsiteY103" fmla="*/ 4469683 h 7534754"/>
              <a:gd name="connsiteX104" fmla="*/ 2083758 w 3845787"/>
              <a:gd name="connsiteY104" fmla="*/ 4469683 h 7534754"/>
              <a:gd name="connsiteX105" fmla="*/ 1662767 w 3845787"/>
              <a:gd name="connsiteY105" fmla="*/ 4434037 h 7534754"/>
              <a:gd name="connsiteX106" fmla="*/ 1874086 w 3845787"/>
              <a:gd name="connsiteY106" fmla="*/ 4434037 h 7534754"/>
              <a:gd name="connsiteX107" fmla="*/ 1874086 w 3845787"/>
              <a:gd name="connsiteY107" fmla="*/ 4469683 h 7534754"/>
              <a:gd name="connsiteX108" fmla="*/ 1662767 w 3845787"/>
              <a:gd name="connsiteY108" fmla="*/ 4469683 h 7534754"/>
              <a:gd name="connsiteX109" fmla="*/ 1244805 w 3845787"/>
              <a:gd name="connsiteY109" fmla="*/ 4434037 h 7534754"/>
              <a:gd name="connsiteX110" fmla="*/ 1456124 w 3845787"/>
              <a:gd name="connsiteY110" fmla="*/ 4434037 h 7534754"/>
              <a:gd name="connsiteX111" fmla="*/ 1456124 w 3845787"/>
              <a:gd name="connsiteY111" fmla="*/ 4469683 h 7534754"/>
              <a:gd name="connsiteX112" fmla="*/ 1244805 w 3845787"/>
              <a:gd name="connsiteY112" fmla="*/ 4469683 h 7534754"/>
              <a:gd name="connsiteX113" fmla="*/ 823810 w 3845787"/>
              <a:gd name="connsiteY113" fmla="*/ 4434037 h 7534754"/>
              <a:gd name="connsiteX114" fmla="*/ 1032109 w 3845787"/>
              <a:gd name="connsiteY114" fmla="*/ 4434037 h 7534754"/>
              <a:gd name="connsiteX115" fmla="*/ 1032109 w 3845787"/>
              <a:gd name="connsiteY115" fmla="*/ 4469683 h 7534754"/>
              <a:gd name="connsiteX116" fmla="*/ 823810 w 3845787"/>
              <a:gd name="connsiteY116" fmla="*/ 4469683 h 7534754"/>
              <a:gd name="connsiteX117" fmla="*/ 3531841 w 3845787"/>
              <a:gd name="connsiteY117" fmla="*/ 4364376 h 7534754"/>
              <a:gd name="connsiteX118" fmla="*/ 3548970 w 3845787"/>
              <a:gd name="connsiteY118" fmla="*/ 4395394 h 7534754"/>
              <a:gd name="connsiteX119" fmla="*/ 3345472 w 3845787"/>
              <a:gd name="connsiteY119" fmla="*/ 4463635 h 7534754"/>
              <a:gd name="connsiteX120" fmla="*/ 3340675 w 3845787"/>
              <a:gd name="connsiteY120" fmla="*/ 4429170 h 7534754"/>
              <a:gd name="connsiteX121" fmla="*/ 3531841 w 3845787"/>
              <a:gd name="connsiteY121" fmla="*/ 4364376 h 7534754"/>
              <a:gd name="connsiteX122" fmla="*/ 3785376 w 3845787"/>
              <a:gd name="connsiteY122" fmla="*/ 4058479 h 7534754"/>
              <a:gd name="connsiteX123" fmla="*/ 3818520 w 3845787"/>
              <a:gd name="connsiteY123" fmla="*/ 4069470 h 7534754"/>
              <a:gd name="connsiteX124" fmla="*/ 3713566 w 3845787"/>
              <a:gd name="connsiteY124" fmla="*/ 4257687 h 7534754"/>
              <a:gd name="connsiteX125" fmla="*/ 3685947 w 3845787"/>
              <a:gd name="connsiteY125" fmla="*/ 4235705 h 7534754"/>
              <a:gd name="connsiteX126" fmla="*/ 3785376 w 3845787"/>
              <a:gd name="connsiteY126" fmla="*/ 4058479 h 7534754"/>
              <a:gd name="connsiteX127" fmla="*/ 3796041 w 3845787"/>
              <a:gd name="connsiteY127" fmla="*/ 3649601 h 7534754"/>
              <a:gd name="connsiteX128" fmla="*/ 3845787 w 3845787"/>
              <a:gd name="connsiteY128" fmla="*/ 3859539 h 7534754"/>
              <a:gd name="connsiteX129" fmla="*/ 3811033 w 3845787"/>
              <a:gd name="connsiteY129" fmla="*/ 3860920 h 7534754"/>
              <a:gd name="connsiteX130" fmla="*/ 3764694 w 3845787"/>
              <a:gd name="connsiteY130" fmla="*/ 3664103 h 7534754"/>
              <a:gd name="connsiteX131" fmla="*/ 3496654 w 3845787"/>
              <a:gd name="connsiteY131" fmla="*/ 3349757 h 7534754"/>
              <a:gd name="connsiteX132" fmla="*/ 3673153 w 3845787"/>
              <a:gd name="connsiteY132" fmla="*/ 3469199 h 7534754"/>
              <a:gd name="connsiteX133" fmla="*/ 3648620 w 3845787"/>
              <a:gd name="connsiteY133" fmla="*/ 3494453 h 7534754"/>
              <a:gd name="connsiteX134" fmla="*/ 3483024 w 3845787"/>
              <a:gd name="connsiteY134" fmla="*/ 3381153 h 7534754"/>
              <a:gd name="connsiteX135" fmla="*/ 3077176 w 3845787"/>
              <a:gd name="connsiteY135" fmla="*/ 3301298 h 7534754"/>
              <a:gd name="connsiteX136" fmla="*/ 3264406 w 3845787"/>
              <a:gd name="connsiteY136" fmla="*/ 3301298 h 7534754"/>
              <a:gd name="connsiteX137" fmla="*/ 3288498 w 3845787"/>
              <a:gd name="connsiteY137" fmla="*/ 3301298 h 7534754"/>
              <a:gd name="connsiteX138" fmla="*/ 3287121 w 3845787"/>
              <a:gd name="connsiteY138" fmla="*/ 3336944 h 7534754"/>
              <a:gd name="connsiteX139" fmla="*/ 3264406 w 3845787"/>
              <a:gd name="connsiteY139" fmla="*/ 3336245 h 7534754"/>
              <a:gd name="connsiteX140" fmla="*/ 3077176 w 3845787"/>
              <a:gd name="connsiteY140" fmla="*/ 3336245 h 7534754"/>
              <a:gd name="connsiteX141" fmla="*/ 2656186 w 3845787"/>
              <a:gd name="connsiteY141" fmla="*/ 3301298 h 7534754"/>
              <a:gd name="connsiteX142" fmla="*/ 2867506 w 3845787"/>
              <a:gd name="connsiteY142" fmla="*/ 3301298 h 7534754"/>
              <a:gd name="connsiteX143" fmla="*/ 2867506 w 3845787"/>
              <a:gd name="connsiteY143" fmla="*/ 3336930 h 7534754"/>
              <a:gd name="connsiteX144" fmla="*/ 2656186 w 3845787"/>
              <a:gd name="connsiteY144" fmla="*/ 3336930 h 7534754"/>
              <a:gd name="connsiteX145" fmla="*/ 2238223 w 3845787"/>
              <a:gd name="connsiteY145" fmla="*/ 3301298 h 7534754"/>
              <a:gd name="connsiteX146" fmla="*/ 2449543 w 3845787"/>
              <a:gd name="connsiteY146" fmla="*/ 3301298 h 7534754"/>
              <a:gd name="connsiteX147" fmla="*/ 2449543 w 3845787"/>
              <a:gd name="connsiteY147" fmla="*/ 3336930 h 7534754"/>
              <a:gd name="connsiteX148" fmla="*/ 2238223 w 3845787"/>
              <a:gd name="connsiteY148" fmla="*/ 3336930 h 7534754"/>
              <a:gd name="connsiteX149" fmla="*/ 1817229 w 3845787"/>
              <a:gd name="connsiteY149" fmla="*/ 3301298 h 7534754"/>
              <a:gd name="connsiteX150" fmla="*/ 2025528 w 3845787"/>
              <a:gd name="connsiteY150" fmla="*/ 3301298 h 7534754"/>
              <a:gd name="connsiteX151" fmla="*/ 2025528 w 3845787"/>
              <a:gd name="connsiteY151" fmla="*/ 3336930 h 7534754"/>
              <a:gd name="connsiteX152" fmla="*/ 1817229 w 3845787"/>
              <a:gd name="connsiteY152" fmla="*/ 3336930 h 7534754"/>
              <a:gd name="connsiteX153" fmla="*/ 1399268 w 3845787"/>
              <a:gd name="connsiteY153" fmla="*/ 3301298 h 7534754"/>
              <a:gd name="connsiteX154" fmla="*/ 1610587 w 3845787"/>
              <a:gd name="connsiteY154" fmla="*/ 3301298 h 7534754"/>
              <a:gd name="connsiteX155" fmla="*/ 1610587 w 3845787"/>
              <a:gd name="connsiteY155" fmla="*/ 3336930 h 7534754"/>
              <a:gd name="connsiteX156" fmla="*/ 1399268 w 3845787"/>
              <a:gd name="connsiteY156" fmla="*/ 3336930 h 7534754"/>
              <a:gd name="connsiteX157" fmla="*/ 978278 w 3845787"/>
              <a:gd name="connsiteY157" fmla="*/ 3301298 h 7534754"/>
              <a:gd name="connsiteX158" fmla="*/ 1189597 w 3845787"/>
              <a:gd name="connsiteY158" fmla="*/ 3301298 h 7534754"/>
              <a:gd name="connsiteX159" fmla="*/ 1189597 w 3845787"/>
              <a:gd name="connsiteY159" fmla="*/ 3336930 h 7534754"/>
              <a:gd name="connsiteX160" fmla="*/ 978278 w 3845787"/>
              <a:gd name="connsiteY160" fmla="*/ 3336930 h 7534754"/>
              <a:gd name="connsiteX161" fmla="*/ 559350 w 3845787"/>
              <a:gd name="connsiteY161" fmla="*/ 3301298 h 7534754"/>
              <a:gd name="connsiteX162" fmla="*/ 584819 w 3845787"/>
              <a:gd name="connsiteY162" fmla="*/ 3301997 h 7534754"/>
              <a:gd name="connsiteX163" fmla="*/ 768606 w 3845787"/>
              <a:gd name="connsiteY163" fmla="*/ 3301997 h 7534754"/>
              <a:gd name="connsiteX164" fmla="*/ 768606 w 3845787"/>
              <a:gd name="connsiteY164" fmla="*/ 3336944 h 7534754"/>
              <a:gd name="connsiteX165" fmla="*/ 584819 w 3845787"/>
              <a:gd name="connsiteY165" fmla="*/ 3336944 h 7534754"/>
              <a:gd name="connsiteX166" fmla="*/ 557285 w 3845787"/>
              <a:gd name="connsiteY166" fmla="*/ 3336944 h 7534754"/>
              <a:gd name="connsiteX167" fmla="*/ 194142 w 3845787"/>
              <a:gd name="connsiteY167" fmla="*/ 3140775 h 7534754"/>
              <a:gd name="connsiteX168" fmla="*/ 359738 w 3845787"/>
              <a:gd name="connsiteY168" fmla="*/ 3256589 h 7534754"/>
              <a:gd name="connsiteX169" fmla="*/ 345428 w 3845787"/>
              <a:gd name="connsiteY169" fmla="*/ 3288489 h 7534754"/>
              <a:gd name="connsiteX170" fmla="*/ 169610 w 3845787"/>
              <a:gd name="connsiteY170" fmla="*/ 3165741 h 7534754"/>
              <a:gd name="connsiteX171" fmla="*/ 35049 w 3845787"/>
              <a:gd name="connsiteY171" fmla="*/ 2777331 h 7534754"/>
              <a:gd name="connsiteX172" fmla="*/ 81091 w 3845787"/>
              <a:gd name="connsiteY172" fmla="*/ 2974886 h 7534754"/>
              <a:gd name="connsiteX173" fmla="*/ 48792 w 3845787"/>
              <a:gd name="connsiteY173" fmla="*/ 2988653 h 7534754"/>
              <a:gd name="connsiteX174" fmla="*/ 2 w 3845787"/>
              <a:gd name="connsiteY174" fmla="*/ 2778708 h 7534754"/>
              <a:gd name="connsiteX175" fmla="*/ 135386 w 3845787"/>
              <a:gd name="connsiteY175" fmla="*/ 2377540 h 7534754"/>
              <a:gd name="connsiteX176" fmla="*/ 162863 w 3845787"/>
              <a:gd name="connsiteY176" fmla="*/ 2400895 h 7534754"/>
              <a:gd name="connsiteX177" fmla="*/ 63259 w 3845787"/>
              <a:gd name="connsiteY177" fmla="*/ 2576748 h 7534754"/>
              <a:gd name="connsiteX178" fmla="*/ 30287 w 3845787"/>
              <a:gd name="connsiteY178" fmla="*/ 2565757 h 7534754"/>
              <a:gd name="connsiteX179" fmla="*/ 135386 w 3845787"/>
              <a:gd name="connsiteY179" fmla="*/ 2377540 h 7534754"/>
              <a:gd name="connsiteX180" fmla="*/ 504028 w 3845787"/>
              <a:gd name="connsiteY180" fmla="*/ 2171586 h 7534754"/>
              <a:gd name="connsiteX181" fmla="*/ 508140 w 3845787"/>
              <a:gd name="connsiteY181" fmla="*/ 2206291 h 7534754"/>
              <a:gd name="connsiteX182" fmla="*/ 316974 w 3845787"/>
              <a:gd name="connsiteY182" fmla="*/ 2270841 h 7534754"/>
              <a:gd name="connsiteX183" fmla="*/ 299845 w 3845787"/>
              <a:gd name="connsiteY183" fmla="*/ 2239607 h 7534754"/>
              <a:gd name="connsiteX184" fmla="*/ 504028 w 3845787"/>
              <a:gd name="connsiteY184" fmla="*/ 2171586 h 7534754"/>
              <a:gd name="connsiteX185" fmla="*/ 1138799 w 3845787"/>
              <a:gd name="connsiteY185" fmla="*/ 2168558 h 7534754"/>
              <a:gd name="connsiteX186" fmla="*/ 1350118 w 3845787"/>
              <a:gd name="connsiteY186" fmla="*/ 2168558 h 7534754"/>
              <a:gd name="connsiteX187" fmla="*/ 1350118 w 3845787"/>
              <a:gd name="connsiteY187" fmla="*/ 2204204 h 7534754"/>
              <a:gd name="connsiteX188" fmla="*/ 1138799 w 3845787"/>
              <a:gd name="connsiteY188" fmla="*/ 2204204 h 7534754"/>
              <a:gd name="connsiteX189" fmla="*/ 717808 w 3845787"/>
              <a:gd name="connsiteY189" fmla="*/ 2168558 h 7534754"/>
              <a:gd name="connsiteX190" fmla="*/ 926105 w 3845787"/>
              <a:gd name="connsiteY190" fmla="*/ 2168558 h 7534754"/>
              <a:gd name="connsiteX191" fmla="*/ 926105 w 3845787"/>
              <a:gd name="connsiteY191" fmla="*/ 2204204 h 7534754"/>
              <a:gd name="connsiteX192" fmla="*/ 717808 w 3845787"/>
              <a:gd name="connsiteY192" fmla="*/ 2204204 h 7534754"/>
              <a:gd name="connsiteX193" fmla="*/ 1721301 w 3845787"/>
              <a:gd name="connsiteY193" fmla="*/ 2029240 h 7534754"/>
              <a:gd name="connsiteX194" fmla="*/ 1743858 w 3845787"/>
              <a:gd name="connsiteY194" fmla="*/ 2055135 h 7534754"/>
              <a:gd name="connsiteX195" fmla="*/ 1559980 w 3845787"/>
              <a:gd name="connsiteY195" fmla="*/ 2164849 h 7534754"/>
              <a:gd name="connsiteX196" fmla="*/ 1547676 w 3845787"/>
              <a:gd name="connsiteY196" fmla="*/ 2132139 h 7534754"/>
              <a:gd name="connsiteX197" fmla="*/ 1721301 w 3845787"/>
              <a:gd name="connsiteY197" fmla="*/ 2029240 h 7534754"/>
              <a:gd name="connsiteX198" fmla="*/ 1902908 w 3845787"/>
              <a:gd name="connsiteY198" fmla="*/ 1677908 h 7534754"/>
              <a:gd name="connsiteX199" fmla="*/ 1937682 w 3845787"/>
              <a:gd name="connsiteY199" fmla="*/ 1681323 h 7534754"/>
              <a:gd name="connsiteX200" fmla="*/ 1875784 w 3845787"/>
              <a:gd name="connsiteY200" fmla="*/ 1886205 h 7534754"/>
              <a:gd name="connsiteX201" fmla="*/ 1844488 w 3845787"/>
              <a:gd name="connsiteY201" fmla="*/ 1869815 h 7534754"/>
              <a:gd name="connsiteX202" fmla="*/ 1902908 w 3845787"/>
              <a:gd name="connsiteY202" fmla="*/ 1677908 h 7534754"/>
              <a:gd name="connsiteX203" fmla="*/ 1908090 w 3845787"/>
              <a:gd name="connsiteY203" fmla="*/ 1259945 h 7534754"/>
              <a:gd name="connsiteX204" fmla="*/ 1943723 w 3845787"/>
              <a:gd name="connsiteY204" fmla="*/ 1259945 h 7534754"/>
              <a:gd name="connsiteX205" fmla="*/ 1943723 w 3845787"/>
              <a:gd name="connsiteY205" fmla="*/ 1471265 h 7534754"/>
              <a:gd name="connsiteX206" fmla="*/ 1908090 w 3845787"/>
              <a:gd name="connsiteY206" fmla="*/ 1471265 h 7534754"/>
              <a:gd name="connsiteX207" fmla="*/ 1908090 w 3845787"/>
              <a:gd name="connsiteY207" fmla="*/ 838953 h 7534754"/>
              <a:gd name="connsiteX208" fmla="*/ 1943723 w 3845787"/>
              <a:gd name="connsiteY208" fmla="*/ 838953 h 7534754"/>
              <a:gd name="connsiteX209" fmla="*/ 1943723 w 3845787"/>
              <a:gd name="connsiteY209" fmla="*/ 1050273 h 7534754"/>
              <a:gd name="connsiteX210" fmla="*/ 1908090 w 3845787"/>
              <a:gd name="connsiteY210" fmla="*/ 1050273 h 7534754"/>
              <a:gd name="connsiteX211" fmla="*/ 1908090 w 3845787"/>
              <a:gd name="connsiteY211" fmla="*/ 417962 h 7534754"/>
              <a:gd name="connsiteX212" fmla="*/ 1943723 w 3845787"/>
              <a:gd name="connsiteY212" fmla="*/ 417962 h 7534754"/>
              <a:gd name="connsiteX213" fmla="*/ 1943723 w 3845787"/>
              <a:gd name="connsiteY213" fmla="*/ 629282 h 7534754"/>
              <a:gd name="connsiteX214" fmla="*/ 1908090 w 3845787"/>
              <a:gd name="connsiteY214" fmla="*/ 629282 h 7534754"/>
              <a:gd name="connsiteX215" fmla="*/ 1908090 w 3845787"/>
              <a:gd name="connsiteY215" fmla="*/ 0 h 7534754"/>
              <a:gd name="connsiteX216" fmla="*/ 1943723 w 3845787"/>
              <a:gd name="connsiteY216" fmla="*/ 0 h 7534754"/>
              <a:gd name="connsiteX217" fmla="*/ 1943723 w 3845787"/>
              <a:gd name="connsiteY217" fmla="*/ 211320 h 7534754"/>
              <a:gd name="connsiteX218" fmla="*/ 1908090 w 3845787"/>
              <a:gd name="connsiteY218" fmla="*/ 211320 h 7534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Lst>
            <a:rect l="l" t="t" r="r" b="b"/>
            <a:pathLst>
              <a:path w="3845787" h="7534754">
                <a:moveTo>
                  <a:pt x="1902033" y="7323434"/>
                </a:moveTo>
                <a:lnTo>
                  <a:pt x="1937679" y="7323434"/>
                </a:lnTo>
                <a:lnTo>
                  <a:pt x="1937679" y="7534754"/>
                </a:lnTo>
                <a:lnTo>
                  <a:pt x="1902033" y="7534754"/>
                </a:lnTo>
                <a:close/>
                <a:moveTo>
                  <a:pt x="2031274" y="6923643"/>
                </a:moveTo>
                <a:lnTo>
                  <a:pt x="2058837" y="6945474"/>
                </a:lnTo>
                <a:cubicBezTo>
                  <a:pt x="2015426" y="6998689"/>
                  <a:pt x="1983729" y="7058043"/>
                  <a:pt x="1963057" y="7122856"/>
                </a:cubicBezTo>
                <a:lnTo>
                  <a:pt x="1929292" y="7112622"/>
                </a:lnTo>
                <a:cubicBezTo>
                  <a:pt x="1951342" y="7043716"/>
                  <a:pt x="1985796" y="6980268"/>
                  <a:pt x="2031274" y="6923643"/>
                </a:cubicBezTo>
                <a:close/>
                <a:moveTo>
                  <a:pt x="2395606" y="6711633"/>
                </a:moveTo>
                <a:lnTo>
                  <a:pt x="2401087" y="6746880"/>
                </a:lnTo>
                <a:cubicBezTo>
                  <a:pt x="2333939" y="6757246"/>
                  <a:pt x="2269531" y="6780053"/>
                  <a:pt x="2210605" y="6813918"/>
                </a:cubicBezTo>
                <a:lnTo>
                  <a:pt x="2192790" y="6784200"/>
                </a:lnTo>
                <a:cubicBezTo>
                  <a:pt x="2255827" y="6746880"/>
                  <a:pt x="2323661" y="6722691"/>
                  <a:pt x="2395606" y="6711633"/>
                </a:cubicBezTo>
                <a:close/>
                <a:moveTo>
                  <a:pt x="3028715" y="6702544"/>
                </a:moveTo>
                <a:lnTo>
                  <a:pt x="3237014" y="6702544"/>
                </a:lnTo>
                <a:lnTo>
                  <a:pt x="3237014" y="6738190"/>
                </a:lnTo>
                <a:lnTo>
                  <a:pt x="3028715" y="6738190"/>
                </a:lnTo>
                <a:close/>
                <a:moveTo>
                  <a:pt x="2607726" y="6702544"/>
                </a:moveTo>
                <a:lnTo>
                  <a:pt x="2819046" y="6702544"/>
                </a:lnTo>
                <a:lnTo>
                  <a:pt x="2819046" y="6738190"/>
                </a:lnTo>
                <a:lnTo>
                  <a:pt x="2607726" y="6738190"/>
                </a:lnTo>
                <a:close/>
                <a:moveTo>
                  <a:pt x="3617162" y="6575338"/>
                </a:moveTo>
                <a:lnTo>
                  <a:pt x="3639830" y="6602267"/>
                </a:lnTo>
                <a:cubicBezTo>
                  <a:pt x="3583503" y="6649219"/>
                  <a:pt x="3520992" y="6685124"/>
                  <a:pt x="3451613" y="6707910"/>
                </a:cubicBezTo>
                <a:lnTo>
                  <a:pt x="3440622" y="6674767"/>
                </a:lnTo>
                <a:cubicBezTo>
                  <a:pt x="3505193" y="6652672"/>
                  <a:pt x="3564956" y="6619529"/>
                  <a:pt x="3617162" y="6575338"/>
                </a:cubicBezTo>
                <a:close/>
                <a:moveTo>
                  <a:pt x="3810378" y="6227039"/>
                </a:moveTo>
                <a:lnTo>
                  <a:pt x="3845776" y="6231835"/>
                </a:lnTo>
                <a:cubicBezTo>
                  <a:pt x="3835365" y="6303779"/>
                  <a:pt x="3812460" y="6372297"/>
                  <a:pt x="3777062" y="6435334"/>
                </a:cubicBezTo>
                <a:lnTo>
                  <a:pt x="3746523" y="6418889"/>
                </a:lnTo>
                <a:cubicBezTo>
                  <a:pt x="3779839" y="6359279"/>
                  <a:pt x="3801355" y="6294872"/>
                  <a:pt x="3810378" y="6227039"/>
                </a:cubicBezTo>
                <a:close/>
                <a:moveTo>
                  <a:pt x="3745764" y="5821189"/>
                </a:moveTo>
                <a:cubicBezTo>
                  <a:pt x="3786968" y="5881115"/>
                  <a:pt x="3816498" y="5947240"/>
                  <a:pt x="3833666" y="6018187"/>
                </a:cubicBezTo>
                <a:lnTo>
                  <a:pt x="3799329" y="6026453"/>
                </a:lnTo>
                <a:cubicBezTo>
                  <a:pt x="3783534" y="5960328"/>
                  <a:pt x="3755378" y="5897646"/>
                  <a:pt x="3716234" y="5841164"/>
                </a:cubicBezTo>
                <a:close/>
                <a:moveTo>
                  <a:pt x="3393655" y="5584951"/>
                </a:moveTo>
                <a:cubicBezTo>
                  <a:pt x="3465052" y="5600707"/>
                  <a:pt x="3530957" y="5629480"/>
                  <a:pt x="3591369" y="5670584"/>
                </a:cubicBezTo>
                <a:lnTo>
                  <a:pt x="3571461" y="5699357"/>
                </a:lnTo>
                <a:cubicBezTo>
                  <a:pt x="3515167" y="5660993"/>
                  <a:pt x="3452695" y="5633590"/>
                  <a:pt x="3386103" y="5618519"/>
                </a:cubicBezTo>
                <a:close/>
                <a:moveTo>
                  <a:pt x="2971172" y="5569805"/>
                </a:moveTo>
                <a:lnTo>
                  <a:pt x="3182492" y="5569805"/>
                </a:lnTo>
                <a:lnTo>
                  <a:pt x="3182492" y="5605451"/>
                </a:lnTo>
                <a:lnTo>
                  <a:pt x="2971172" y="5605451"/>
                </a:lnTo>
                <a:close/>
                <a:moveTo>
                  <a:pt x="2550180" y="5569805"/>
                </a:moveTo>
                <a:lnTo>
                  <a:pt x="2761500" y="5569805"/>
                </a:lnTo>
                <a:lnTo>
                  <a:pt x="2761500" y="5605451"/>
                </a:lnTo>
                <a:lnTo>
                  <a:pt x="2550180" y="5605451"/>
                </a:lnTo>
                <a:close/>
                <a:moveTo>
                  <a:pt x="2132217" y="5569805"/>
                </a:moveTo>
                <a:lnTo>
                  <a:pt x="2343537" y="5569805"/>
                </a:lnTo>
                <a:lnTo>
                  <a:pt x="2343537" y="5605451"/>
                </a:lnTo>
                <a:lnTo>
                  <a:pt x="2132217" y="5605451"/>
                </a:lnTo>
                <a:close/>
                <a:moveTo>
                  <a:pt x="1711227" y="5569805"/>
                </a:moveTo>
                <a:lnTo>
                  <a:pt x="1922547" y="5569805"/>
                </a:lnTo>
                <a:lnTo>
                  <a:pt x="1922547" y="5605451"/>
                </a:lnTo>
                <a:lnTo>
                  <a:pt x="1711227" y="5605451"/>
                </a:lnTo>
                <a:close/>
                <a:moveTo>
                  <a:pt x="1293264" y="5569805"/>
                </a:moveTo>
                <a:lnTo>
                  <a:pt x="1501561" y="5569805"/>
                </a:lnTo>
                <a:lnTo>
                  <a:pt x="1501561" y="5605451"/>
                </a:lnTo>
                <a:lnTo>
                  <a:pt x="1293264" y="5605451"/>
                </a:lnTo>
                <a:close/>
                <a:moveTo>
                  <a:pt x="872272" y="5569805"/>
                </a:moveTo>
                <a:lnTo>
                  <a:pt x="1083591" y="5569805"/>
                </a:lnTo>
                <a:lnTo>
                  <a:pt x="1083591" y="5605451"/>
                </a:lnTo>
                <a:lnTo>
                  <a:pt x="872272" y="5605451"/>
                </a:lnTo>
                <a:close/>
                <a:moveTo>
                  <a:pt x="456548" y="5554664"/>
                </a:moveTo>
                <a:cubicBezTo>
                  <a:pt x="498035" y="5564538"/>
                  <a:pt x="540905" y="5569475"/>
                  <a:pt x="584466" y="5569475"/>
                </a:cubicBezTo>
                <a:lnTo>
                  <a:pt x="662599" y="5569475"/>
                </a:lnTo>
                <a:lnTo>
                  <a:pt x="662599" y="5605445"/>
                </a:lnTo>
                <a:lnTo>
                  <a:pt x="584466" y="5605445"/>
                </a:lnTo>
                <a:cubicBezTo>
                  <a:pt x="538139" y="5605445"/>
                  <a:pt x="492503" y="5600508"/>
                  <a:pt x="448251" y="5589224"/>
                </a:cubicBezTo>
                <a:close/>
                <a:moveTo>
                  <a:pt x="129407" y="5327507"/>
                </a:moveTo>
                <a:cubicBezTo>
                  <a:pt x="167771" y="5383683"/>
                  <a:pt x="215725" y="5432323"/>
                  <a:pt x="271901" y="5470687"/>
                </a:cubicBezTo>
                <a:lnTo>
                  <a:pt x="252034" y="5499460"/>
                </a:lnTo>
                <a:cubicBezTo>
                  <a:pt x="192433" y="5458355"/>
                  <a:pt x="141739" y="5406975"/>
                  <a:pt x="99950" y="5347374"/>
                </a:cubicBezTo>
                <a:close/>
                <a:moveTo>
                  <a:pt x="6348" y="4936804"/>
                </a:moveTo>
                <a:lnTo>
                  <a:pt x="41614" y="4941598"/>
                </a:lnTo>
                <a:cubicBezTo>
                  <a:pt x="38088" y="4967621"/>
                  <a:pt x="35972" y="4992960"/>
                  <a:pt x="35972" y="5018984"/>
                </a:cubicBezTo>
                <a:cubicBezTo>
                  <a:pt x="35972" y="5061444"/>
                  <a:pt x="40909" y="5103219"/>
                  <a:pt x="50783" y="5142939"/>
                </a:cubicBezTo>
                <a:lnTo>
                  <a:pt x="15517" y="5151157"/>
                </a:lnTo>
                <a:cubicBezTo>
                  <a:pt x="5642" y="5108012"/>
                  <a:pt x="0" y="5064183"/>
                  <a:pt x="0" y="5018984"/>
                </a:cubicBezTo>
                <a:cubicBezTo>
                  <a:pt x="0" y="4991591"/>
                  <a:pt x="2116" y="4964197"/>
                  <a:pt x="6348" y="4936804"/>
                </a:cubicBezTo>
                <a:close/>
                <a:moveTo>
                  <a:pt x="213603" y="4567303"/>
                </a:moveTo>
                <a:lnTo>
                  <a:pt x="235555" y="4594289"/>
                </a:lnTo>
                <a:cubicBezTo>
                  <a:pt x="182734" y="4638574"/>
                  <a:pt x="139517" y="4691162"/>
                  <a:pt x="105903" y="4751362"/>
                </a:cubicBezTo>
                <a:lnTo>
                  <a:pt x="75720" y="4733371"/>
                </a:lnTo>
                <a:cubicBezTo>
                  <a:pt x="111391" y="4669712"/>
                  <a:pt x="157352" y="4613663"/>
                  <a:pt x="213603" y="4567303"/>
                </a:cubicBezTo>
                <a:close/>
                <a:moveTo>
                  <a:pt x="584408" y="4434039"/>
                </a:moveTo>
                <a:lnTo>
                  <a:pt x="614140" y="4434039"/>
                </a:lnTo>
                <a:lnTo>
                  <a:pt x="614140" y="4469684"/>
                </a:lnTo>
                <a:lnTo>
                  <a:pt x="584408" y="4469684"/>
                </a:lnTo>
                <a:cubicBezTo>
                  <a:pt x="524944" y="4469684"/>
                  <a:pt x="466171" y="4478770"/>
                  <a:pt x="410855" y="4496942"/>
                </a:cubicBezTo>
                <a:lnTo>
                  <a:pt x="399792" y="4463394"/>
                </a:lnTo>
                <a:cubicBezTo>
                  <a:pt x="459256" y="4443824"/>
                  <a:pt x="520795" y="4434039"/>
                  <a:pt x="584408" y="4434039"/>
                </a:cubicBezTo>
                <a:close/>
                <a:moveTo>
                  <a:pt x="2922713" y="4434037"/>
                </a:moveTo>
                <a:lnTo>
                  <a:pt x="3134033" y="4434037"/>
                </a:lnTo>
                <a:lnTo>
                  <a:pt x="3134033" y="4469683"/>
                </a:lnTo>
                <a:lnTo>
                  <a:pt x="2922713" y="4469683"/>
                </a:lnTo>
                <a:close/>
                <a:moveTo>
                  <a:pt x="2501720" y="4434037"/>
                </a:moveTo>
                <a:lnTo>
                  <a:pt x="2713040" y="4434037"/>
                </a:lnTo>
                <a:lnTo>
                  <a:pt x="2713040" y="4469683"/>
                </a:lnTo>
                <a:lnTo>
                  <a:pt x="2501720" y="4469683"/>
                </a:lnTo>
                <a:close/>
                <a:moveTo>
                  <a:pt x="2083758" y="4434037"/>
                </a:moveTo>
                <a:lnTo>
                  <a:pt x="2295078" y="4434037"/>
                </a:lnTo>
                <a:lnTo>
                  <a:pt x="2295078" y="4469683"/>
                </a:lnTo>
                <a:lnTo>
                  <a:pt x="2083758" y="4469683"/>
                </a:lnTo>
                <a:close/>
                <a:moveTo>
                  <a:pt x="1662767" y="4434037"/>
                </a:moveTo>
                <a:lnTo>
                  <a:pt x="1874086" y="4434037"/>
                </a:lnTo>
                <a:lnTo>
                  <a:pt x="1874086" y="4469683"/>
                </a:lnTo>
                <a:lnTo>
                  <a:pt x="1662767" y="4469683"/>
                </a:lnTo>
                <a:close/>
                <a:moveTo>
                  <a:pt x="1244805" y="4434037"/>
                </a:moveTo>
                <a:lnTo>
                  <a:pt x="1456124" y="4434037"/>
                </a:lnTo>
                <a:lnTo>
                  <a:pt x="1456124" y="4469683"/>
                </a:lnTo>
                <a:lnTo>
                  <a:pt x="1244805" y="4469683"/>
                </a:lnTo>
                <a:close/>
                <a:moveTo>
                  <a:pt x="823810" y="4434037"/>
                </a:moveTo>
                <a:lnTo>
                  <a:pt x="1032109" y="4434037"/>
                </a:lnTo>
                <a:lnTo>
                  <a:pt x="1032109" y="4469683"/>
                </a:lnTo>
                <a:lnTo>
                  <a:pt x="823810" y="4469683"/>
                </a:lnTo>
                <a:close/>
                <a:moveTo>
                  <a:pt x="3531841" y="4364376"/>
                </a:moveTo>
                <a:lnTo>
                  <a:pt x="3548970" y="4395394"/>
                </a:lnTo>
                <a:cubicBezTo>
                  <a:pt x="3485933" y="4430549"/>
                  <a:pt x="3417415" y="4453985"/>
                  <a:pt x="3345472" y="4463635"/>
                </a:cubicBezTo>
                <a:lnTo>
                  <a:pt x="3340675" y="4429170"/>
                </a:lnTo>
                <a:cubicBezTo>
                  <a:pt x="3407823" y="4419520"/>
                  <a:pt x="3472915" y="4398152"/>
                  <a:pt x="3531841" y="4364376"/>
                </a:cubicBezTo>
                <a:close/>
                <a:moveTo>
                  <a:pt x="3785376" y="4058479"/>
                </a:moveTo>
                <a:lnTo>
                  <a:pt x="3818520" y="4069470"/>
                </a:lnTo>
                <a:cubicBezTo>
                  <a:pt x="3795734" y="4138849"/>
                  <a:pt x="3760519" y="4201359"/>
                  <a:pt x="3713566" y="4257687"/>
                </a:cubicBezTo>
                <a:lnTo>
                  <a:pt x="3685947" y="4235705"/>
                </a:lnTo>
                <a:cubicBezTo>
                  <a:pt x="3730138" y="4182812"/>
                  <a:pt x="3763971" y="4123050"/>
                  <a:pt x="3785376" y="4058479"/>
                </a:cubicBezTo>
                <a:close/>
                <a:moveTo>
                  <a:pt x="3796041" y="3649601"/>
                </a:moveTo>
                <a:cubicBezTo>
                  <a:pt x="3826024" y="3715897"/>
                  <a:pt x="3842379" y="3786337"/>
                  <a:pt x="3845787" y="3859539"/>
                </a:cubicBezTo>
                <a:lnTo>
                  <a:pt x="3811033" y="3860920"/>
                </a:lnTo>
                <a:cubicBezTo>
                  <a:pt x="3807625" y="3791862"/>
                  <a:pt x="3791952" y="3726947"/>
                  <a:pt x="3764694" y="3664103"/>
                </a:cubicBezTo>
                <a:close/>
                <a:moveTo>
                  <a:pt x="3496654" y="3349757"/>
                </a:moveTo>
                <a:cubicBezTo>
                  <a:pt x="3562756" y="3377741"/>
                  <a:pt x="3622043" y="3418010"/>
                  <a:pt x="3673153" y="3469199"/>
                </a:cubicBezTo>
                <a:lnTo>
                  <a:pt x="3648620" y="3494453"/>
                </a:lnTo>
                <a:cubicBezTo>
                  <a:pt x="3600917" y="3445993"/>
                  <a:pt x="3544356" y="3408454"/>
                  <a:pt x="3483024" y="3381153"/>
                </a:cubicBezTo>
                <a:close/>
                <a:moveTo>
                  <a:pt x="3077176" y="3301298"/>
                </a:moveTo>
                <a:lnTo>
                  <a:pt x="3264406" y="3301298"/>
                </a:lnTo>
                <a:cubicBezTo>
                  <a:pt x="3272666" y="3301298"/>
                  <a:pt x="3280238" y="3301298"/>
                  <a:pt x="3288498" y="3301298"/>
                </a:cubicBezTo>
                <a:lnTo>
                  <a:pt x="3287121" y="3336944"/>
                </a:lnTo>
                <a:cubicBezTo>
                  <a:pt x="3279549" y="3336944"/>
                  <a:pt x="3271978" y="3336245"/>
                  <a:pt x="3264406" y="3336245"/>
                </a:cubicBezTo>
                <a:lnTo>
                  <a:pt x="3077176" y="3336245"/>
                </a:lnTo>
                <a:close/>
                <a:moveTo>
                  <a:pt x="2656186" y="3301298"/>
                </a:moveTo>
                <a:lnTo>
                  <a:pt x="2867506" y="3301298"/>
                </a:lnTo>
                <a:lnTo>
                  <a:pt x="2867506" y="3336930"/>
                </a:lnTo>
                <a:lnTo>
                  <a:pt x="2656186" y="3336930"/>
                </a:lnTo>
                <a:close/>
                <a:moveTo>
                  <a:pt x="2238223" y="3301298"/>
                </a:moveTo>
                <a:lnTo>
                  <a:pt x="2449543" y="3301298"/>
                </a:lnTo>
                <a:lnTo>
                  <a:pt x="2449543" y="3336930"/>
                </a:lnTo>
                <a:lnTo>
                  <a:pt x="2238223" y="3336930"/>
                </a:lnTo>
                <a:close/>
                <a:moveTo>
                  <a:pt x="1817229" y="3301298"/>
                </a:moveTo>
                <a:lnTo>
                  <a:pt x="2025528" y="3301298"/>
                </a:lnTo>
                <a:lnTo>
                  <a:pt x="2025528" y="3336930"/>
                </a:lnTo>
                <a:lnTo>
                  <a:pt x="1817229" y="3336930"/>
                </a:lnTo>
                <a:close/>
                <a:moveTo>
                  <a:pt x="1399268" y="3301298"/>
                </a:moveTo>
                <a:lnTo>
                  <a:pt x="1610587" y="3301298"/>
                </a:lnTo>
                <a:lnTo>
                  <a:pt x="1610587" y="3336930"/>
                </a:lnTo>
                <a:lnTo>
                  <a:pt x="1399268" y="3336930"/>
                </a:lnTo>
                <a:close/>
                <a:moveTo>
                  <a:pt x="978278" y="3301298"/>
                </a:moveTo>
                <a:lnTo>
                  <a:pt x="1189597" y="3301298"/>
                </a:lnTo>
                <a:lnTo>
                  <a:pt x="1189597" y="3336930"/>
                </a:lnTo>
                <a:lnTo>
                  <a:pt x="978278" y="3336930"/>
                </a:lnTo>
                <a:close/>
                <a:moveTo>
                  <a:pt x="559350" y="3301298"/>
                </a:moveTo>
                <a:cubicBezTo>
                  <a:pt x="567610" y="3301997"/>
                  <a:pt x="575870" y="3301997"/>
                  <a:pt x="584819" y="3301997"/>
                </a:cubicBezTo>
                <a:lnTo>
                  <a:pt x="768606" y="3301997"/>
                </a:lnTo>
                <a:lnTo>
                  <a:pt x="768606" y="3336944"/>
                </a:lnTo>
                <a:lnTo>
                  <a:pt x="584819" y="3336944"/>
                </a:lnTo>
                <a:cubicBezTo>
                  <a:pt x="575182" y="3336944"/>
                  <a:pt x="566233" y="3336944"/>
                  <a:pt x="557285" y="3336944"/>
                </a:cubicBezTo>
                <a:close/>
                <a:moveTo>
                  <a:pt x="194142" y="3140775"/>
                </a:moveTo>
                <a:cubicBezTo>
                  <a:pt x="241845" y="3189320"/>
                  <a:pt x="298407" y="3228156"/>
                  <a:pt x="359738" y="3256589"/>
                </a:cubicBezTo>
                <a:lnTo>
                  <a:pt x="345428" y="3288489"/>
                </a:lnTo>
                <a:cubicBezTo>
                  <a:pt x="280007" y="3258670"/>
                  <a:pt x="220720" y="3217754"/>
                  <a:pt x="169610" y="3165741"/>
                </a:cubicBezTo>
                <a:close/>
                <a:moveTo>
                  <a:pt x="35049" y="2777331"/>
                </a:moveTo>
                <a:cubicBezTo>
                  <a:pt x="37797" y="2845477"/>
                  <a:pt x="52916" y="2912247"/>
                  <a:pt x="81091" y="2974886"/>
                </a:cubicBezTo>
                <a:lnTo>
                  <a:pt x="48792" y="2988653"/>
                </a:lnTo>
                <a:cubicBezTo>
                  <a:pt x="19930" y="2921884"/>
                  <a:pt x="3438" y="2851673"/>
                  <a:pt x="2" y="2778708"/>
                </a:cubicBezTo>
                <a:close/>
                <a:moveTo>
                  <a:pt x="135386" y="2377540"/>
                </a:moveTo>
                <a:lnTo>
                  <a:pt x="162863" y="2400895"/>
                </a:lnTo>
                <a:cubicBezTo>
                  <a:pt x="118213" y="2453102"/>
                  <a:pt x="85241" y="2512177"/>
                  <a:pt x="63259" y="2576748"/>
                </a:cubicBezTo>
                <a:lnTo>
                  <a:pt x="30287" y="2565757"/>
                </a:lnTo>
                <a:cubicBezTo>
                  <a:pt x="52955" y="2496378"/>
                  <a:pt x="88675" y="2433868"/>
                  <a:pt x="135386" y="2377540"/>
                </a:cubicBezTo>
                <a:close/>
                <a:moveTo>
                  <a:pt x="504028" y="2171586"/>
                </a:moveTo>
                <a:lnTo>
                  <a:pt x="508140" y="2206291"/>
                </a:lnTo>
                <a:cubicBezTo>
                  <a:pt x="440992" y="2215314"/>
                  <a:pt x="376585" y="2237525"/>
                  <a:pt x="316974" y="2270841"/>
                </a:cubicBezTo>
                <a:lnTo>
                  <a:pt x="299845" y="2239607"/>
                </a:lnTo>
                <a:cubicBezTo>
                  <a:pt x="363567" y="2204208"/>
                  <a:pt x="432085" y="2181303"/>
                  <a:pt x="504028" y="2171586"/>
                </a:cubicBezTo>
                <a:close/>
                <a:moveTo>
                  <a:pt x="1138799" y="2168558"/>
                </a:moveTo>
                <a:lnTo>
                  <a:pt x="1350118" y="2168558"/>
                </a:lnTo>
                <a:lnTo>
                  <a:pt x="1350118" y="2204204"/>
                </a:lnTo>
                <a:lnTo>
                  <a:pt x="1138799" y="2204204"/>
                </a:lnTo>
                <a:close/>
                <a:moveTo>
                  <a:pt x="717808" y="2168558"/>
                </a:moveTo>
                <a:lnTo>
                  <a:pt x="926105" y="2168558"/>
                </a:lnTo>
                <a:lnTo>
                  <a:pt x="926105" y="2204204"/>
                </a:lnTo>
                <a:lnTo>
                  <a:pt x="717808" y="2204204"/>
                </a:lnTo>
                <a:close/>
                <a:moveTo>
                  <a:pt x="1721301" y="2029240"/>
                </a:moveTo>
                <a:lnTo>
                  <a:pt x="1743858" y="2055135"/>
                </a:lnTo>
                <a:cubicBezTo>
                  <a:pt x="1689857" y="2102836"/>
                  <a:pt x="1627653" y="2139635"/>
                  <a:pt x="1559980" y="2164849"/>
                </a:cubicBezTo>
                <a:lnTo>
                  <a:pt x="1547676" y="2132139"/>
                </a:lnTo>
                <a:cubicBezTo>
                  <a:pt x="1611931" y="2108969"/>
                  <a:pt x="1670033" y="2074215"/>
                  <a:pt x="1721301" y="2029240"/>
                </a:cubicBezTo>
                <a:close/>
                <a:moveTo>
                  <a:pt x="1902908" y="1677908"/>
                </a:moveTo>
                <a:lnTo>
                  <a:pt x="1937682" y="1681323"/>
                </a:lnTo>
                <a:cubicBezTo>
                  <a:pt x="1930032" y="1753032"/>
                  <a:pt x="1909863" y="1822009"/>
                  <a:pt x="1875784" y="1886205"/>
                </a:cubicBezTo>
                <a:lnTo>
                  <a:pt x="1844488" y="1869815"/>
                </a:lnTo>
                <a:cubicBezTo>
                  <a:pt x="1876480" y="1809716"/>
                  <a:pt x="1895953" y="1745520"/>
                  <a:pt x="1902908" y="1677908"/>
                </a:cubicBezTo>
                <a:close/>
                <a:moveTo>
                  <a:pt x="1908090" y="1259945"/>
                </a:moveTo>
                <a:lnTo>
                  <a:pt x="1943723" y="1259945"/>
                </a:lnTo>
                <a:lnTo>
                  <a:pt x="1943723" y="1471265"/>
                </a:lnTo>
                <a:lnTo>
                  <a:pt x="1908090" y="1471265"/>
                </a:lnTo>
                <a:close/>
                <a:moveTo>
                  <a:pt x="1908090" y="838953"/>
                </a:moveTo>
                <a:lnTo>
                  <a:pt x="1943723" y="838953"/>
                </a:lnTo>
                <a:lnTo>
                  <a:pt x="1943723" y="1050273"/>
                </a:lnTo>
                <a:lnTo>
                  <a:pt x="1908090" y="1050273"/>
                </a:lnTo>
                <a:close/>
                <a:moveTo>
                  <a:pt x="1908090" y="417962"/>
                </a:moveTo>
                <a:lnTo>
                  <a:pt x="1943723" y="417962"/>
                </a:lnTo>
                <a:lnTo>
                  <a:pt x="1943723" y="629282"/>
                </a:lnTo>
                <a:lnTo>
                  <a:pt x="1908090" y="629282"/>
                </a:lnTo>
                <a:close/>
                <a:moveTo>
                  <a:pt x="1908090" y="0"/>
                </a:moveTo>
                <a:lnTo>
                  <a:pt x="1943723" y="0"/>
                </a:lnTo>
                <a:lnTo>
                  <a:pt x="1943723" y="211320"/>
                </a:lnTo>
                <a:lnTo>
                  <a:pt x="1908090" y="211320"/>
                </a:lnTo>
                <a:close/>
              </a:path>
            </a:pathLst>
          </a:custGeom>
          <a:solidFill>
            <a:schemeClr val="bg1">
              <a:alpha val="56000"/>
            </a:schemeClr>
          </a:solidFill>
          <a:ln>
            <a:noFill/>
          </a:ln>
          <a:effectLst/>
        </p:spPr>
        <p:txBody>
          <a:bodyPr wrap="square" anchor="ctr">
            <a:noAutofit/>
          </a:bodyP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5" name="Freeform 4">
            <a:extLst>
              <a:ext uri="{FF2B5EF4-FFF2-40B4-BE49-F238E27FC236}">
                <a16:creationId xmlns:a16="http://schemas.microsoft.com/office/drawing/2014/main" id="{5D54D044-AC30-0D8C-041D-4B33DD11B27C}"/>
              </a:ext>
            </a:extLst>
          </p:cNvPr>
          <p:cNvSpPr>
            <a:spLocks noChangeArrowheads="1"/>
          </p:cNvSpPr>
          <p:nvPr/>
        </p:nvSpPr>
        <p:spPr bwMode="auto">
          <a:xfrm>
            <a:off x="8294840" y="464895"/>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6" name="Freeform 4">
            <a:extLst>
              <a:ext uri="{FF2B5EF4-FFF2-40B4-BE49-F238E27FC236}">
                <a16:creationId xmlns:a16="http://schemas.microsoft.com/office/drawing/2014/main" id="{3B8527C5-B95F-A407-C313-58CE8E68D557}"/>
              </a:ext>
            </a:extLst>
          </p:cNvPr>
          <p:cNvSpPr>
            <a:spLocks noChangeArrowheads="1"/>
          </p:cNvSpPr>
          <p:nvPr/>
        </p:nvSpPr>
        <p:spPr bwMode="auto">
          <a:xfrm>
            <a:off x="9374116" y="5105446"/>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7" name="Freeform 4">
            <a:extLst>
              <a:ext uri="{FF2B5EF4-FFF2-40B4-BE49-F238E27FC236}">
                <a16:creationId xmlns:a16="http://schemas.microsoft.com/office/drawing/2014/main" id="{6DE95F12-CCC4-25E5-00FF-5278B2020DB5}"/>
              </a:ext>
            </a:extLst>
          </p:cNvPr>
          <p:cNvSpPr>
            <a:spLocks noChangeArrowheads="1"/>
          </p:cNvSpPr>
          <p:nvPr/>
        </p:nvSpPr>
        <p:spPr bwMode="auto">
          <a:xfrm>
            <a:off x="7151422" y="4064618"/>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0" name="Billede 109" descr="Et billede, der indeholder sort, mørke&#10;&#10;AI-genereret indhold kan være ukorrekt.">
            <a:extLst>
              <a:ext uri="{FF2B5EF4-FFF2-40B4-BE49-F238E27FC236}">
                <a16:creationId xmlns:a16="http://schemas.microsoft.com/office/drawing/2014/main" id="{0095099D-B94D-1BF0-0F1D-AD767EC3319E}"/>
              </a:ext>
            </a:extLst>
          </p:cNvPr>
          <p:cNvPicPr>
            <a:picLocks noChangeAspect="1"/>
          </p:cNvPicPr>
          <p:nvPr/>
        </p:nvPicPr>
        <p:blipFill>
          <a:blip r:embed="rId4" cstate="print">
            <a:lum bright="70000" contrast="-70000"/>
            <a:extLst>
              <a:ext uri="{28A0092B-C50C-407E-A947-70E740481C1C}">
                <a14:useLocalDpi xmlns:a14="http://schemas.microsoft.com/office/drawing/2010/main" val="0"/>
              </a:ext>
            </a:extLst>
          </a:blip>
          <a:stretch>
            <a:fillRect/>
          </a:stretch>
        </p:blipFill>
        <p:spPr>
          <a:xfrm>
            <a:off x="8490156" y="590797"/>
            <a:ext cx="577507" cy="577507"/>
          </a:xfrm>
          <a:prstGeom prst="rect">
            <a:avLst/>
          </a:prstGeom>
          <a:ln w="34925">
            <a:noFill/>
          </a:ln>
        </p:spPr>
      </p:pic>
      <p:pic>
        <p:nvPicPr>
          <p:cNvPr id="118" name="Billede 117" descr="Et billede, der indeholder sort, mørke&#10;&#10;AI-genereret indhold kan være ukorrekt.">
            <a:extLst>
              <a:ext uri="{FF2B5EF4-FFF2-40B4-BE49-F238E27FC236}">
                <a16:creationId xmlns:a16="http://schemas.microsoft.com/office/drawing/2014/main" id="{58493B59-170D-47E0-5B9C-4E09A2B3C79D}"/>
              </a:ext>
            </a:extLst>
          </p:cNvPr>
          <p:cNvPicPr>
            <a:picLocks noChangeAspect="1"/>
          </p:cNvPicPr>
          <p:nvPr/>
        </p:nvPicPr>
        <p:blipFill>
          <a:blip r:embed="rId5" cstate="print">
            <a:lum bright="70000" contrast="-70000"/>
            <a:extLst>
              <a:ext uri="{28A0092B-C50C-407E-A947-70E740481C1C}">
                <a14:useLocalDpi xmlns:a14="http://schemas.microsoft.com/office/drawing/2010/main" val="0"/>
              </a:ext>
            </a:extLst>
          </a:blip>
          <a:stretch>
            <a:fillRect/>
          </a:stretch>
        </p:blipFill>
        <p:spPr>
          <a:xfrm>
            <a:off x="9518921" y="5277982"/>
            <a:ext cx="710317" cy="710317"/>
          </a:xfrm>
          <a:prstGeom prst="rect">
            <a:avLst/>
          </a:prstGeom>
        </p:spPr>
      </p:pic>
      <p:pic>
        <p:nvPicPr>
          <p:cNvPr id="119" name="Billede 118" descr="Et billede, der indeholder sort, mørke&#10;&#10;AI-genereret indhold kan være ukorrekt.">
            <a:extLst>
              <a:ext uri="{FF2B5EF4-FFF2-40B4-BE49-F238E27FC236}">
                <a16:creationId xmlns:a16="http://schemas.microsoft.com/office/drawing/2014/main" id="{326F0D05-EDFF-B262-5EC9-815AFF3913E8}"/>
              </a:ext>
            </a:extLst>
          </p:cNvPr>
          <p:cNvPicPr>
            <a:picLocks noChangeAspect="1"/>
          </p:cNvPicPr>
          <p:nvPr/>
        </p:nvPicPr>
        <p:blipFill>
          <a:blip r:embed="rId6" cstate="print">
            <a:lum bright="70000" contrast="-70000"/>
            <a:extLst>
              <a:ext uri="{28A0092B-C50C-407E-A947-70E740481C1C}">
                <a14:useLocalDpi xmlns:a14="http://schemas.microsoft.com/office/drawing/2010/main" val="0"/>
              </a:ext>
            </a:extLst>
          </a:blip>
          <a:stretch>
            <a:fillRect/>
          </a:stretch>
        </p:blipFill>
        <p:spPr>
          <a:xfrm>
            <a:off x="7268698" y="4187339"/>
            <a:ext cx="715184" cy="715184"/>
          </a:xfrm>
          <a:prstGeom prst="rect">
            <a:avLst/>
          </a:prstGeom>
        </p:spPr>
      </p:pic>
      <p:sp>
        <p:nvSpPr>
          <p:cNvPr id="7" name="Tekstfelt 6">
            <a:extLst>
              <a:ext uri="{FF2B5EF4-FFF2-40B4-BE49-F238E27FC236}">
                <a16:creationId xmlns:a16="http://schemas.microsoft.com/office/drawing/2014/main" id="{0A014001-6077-AF38-A793-65E5A4B6902F}"/>
              </a:ext>
            </a:extLst>
          </p:cNvPr>
          <p:cNvSpPr txBox="1"/>
          <p:nvPr/>
        </p:nvSpPr>
        <p:spPr>
          <a:xfrm>
            <a:off x="10342811" y="3131371"/>
            <a:ext cx="1586149" cy="409343"/>
          </a:xfrm>
          <a:prstGeom prst="rect">
            <a:avLst/>
          </a:prstGeom>
          <a:solidFill>
            <a:srgbClr val="102B48"/>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a:ea typeface="+mn-ea"/>
                <a:cs typeface="+mn-cs"/>
              </a:rPr>
              <a:t>Formulér samlende bevægelser</a:t>
            </a:r>
          </a:p>
        </p:txBody>
      </p:sp>
      <p:sp>
        <p:nvSpPr>
          <p:cNvPr id="9" name="Tekstfelt 8">
            <a:extLst>
              <a:ext uri="{FF2B5EF4-FFF2-40B4-BE49-F238E27FC236}">
                <a16:creationId xmlns:a16="http://schemas.microsoft.com/office/drawing/2014/main" id="{0FD428F3-6FA3-D66F-F1F1-25CDCE8F22F2}"/>
              </a:ext>
            </a:extLst>
          </p:cNvPr>
          <p:cNvSpPr txBox="1"/>
          <p:nvPr/>
        </p:nvSpPr>
        <p:spPr>
          <a:xfrm>
            <a:off x="10971860" y="2675628"/>
            <a:ext cx="161925" cy="409343"/>
          </a:xfrm>
          <a:prstGeom prst="rect">
            <a:avLst/>
          </a:prstGeom>
          <a:solidFill>
            <a:srgbClr val="102B48"/>
          </a:solidFill>
          <a:ln>
            <a:no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3</a:t>
            </a:r>
          </a:p>
        </p:txBody>
      </p:sp>
      <p:sp>
        <p:nvSpPr>
          <p:cNvPr id="109" name="Freeform 4">
            <a:extLst>
              <a:ext uri="{FF2B5EF4-FFF2-40B4-BE49-F238E27FC236}">
                <a16:creationId xmlns:a16="http://schemas.microsoft.com/office/drawing/2014/main" id="{C533BCF8-770D-A7F9-CA39-9DAF4A8A24A4}"/>
              </a:ext>
            </a:extLst>
          </p:cNvPr>
          <p:cNvSpPr>
            <a:spLocks noChangeArrowheads="1"/>
          </p:cNvSpPr>
          <p:nvPr/>
        </p:nvSpPr>
        <p:spPr bwMode="auto">
          <a:xfrm>
            <a:off x="9376672" y="3038571"/>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E4E5EA"/>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grpSp>
        <p:nvGrpSpPr>
          <p:cNvPr id="112" name="Gruppe 111">
            <a:extLst>
              <a:ext uri="{FF2B5EF4-FFF2-40B4-BE49-F238E27FC236}">
                <a16:creationId xmlns:a16="http://schemas.microsoft.com/office/drawing/2014/main" id="{4A1823D7-0720-A9F1-BAD0-6FA432B54C03}"/>
              </a:ext>
            </a:extLst>
          </p:cNvPr>
          <p:cNvGrpSpPr/>
          <p:nvPr/>
        </p:nvGrpSpPr>
        <p:grpSpPr>
          <a:xfrm>
            <a:off x="9512202" y="3140854"/>
            <a:ext cx="732373" cy="775330"/>
            <a:chOff x="5893979" y="1530527"/>
            <a:chExt cx="799863" cy="846779"/>
          </a:xfrm>
        </p:grpSpPr>
        <p:pic>
          <p:nvPicPr>
            <p:cNvPr id="113" name="Billede 112" descr="Et billede, der indeholder sort, mørke&#10;&#10;AI-genereret indhold kan være ukorrekt.">
              <a:extLst>
                <a:ext uri="{FF2B5EF4-FFF2-40B4-BE49-F238E27FC236}">
                  <a16:creationId xmlns:a16="http://schemas.microsoft.com/office/drawing/2014/main" id="{0CE407B3-1363-1807-991D-7F16E5CC49D9}"/>
                </a:ext>
              </a:extLst>
            </p:cNvPr>
            <p:cNvPicPr>
              <a:picLocks noChangeAspect="1"/>
            </p:cNvPicPr>
            <p:nvPr/>
          </p:nvPicPr>
          <p:blipFill>
            <a:blip r:embed="rId7" cstate="print">
              <a:duotone>
                <a:schemeClr val="accent2">
                  <a:shade val="45000"/>
                  <a:satMod val="135000"/>
                </a:schemeClr>
                <a:prstClr val="white"/>
              </a:duotone>
              <a:extLst>
                <a:ext uri="{28A0092B-C50C-407E-A947-70E740481C1C}">
                  <a14:useLocalDpi xmlns:a14="http://schemas.microsoft.com/office/drawing/2010/main" val="0"/>
                </a:ext>
              </a:extLst>
            </a:blip>
            <a:stretch>
              <a:fillRect/>
            </a:stretch>
          </p:blipFill>
          <p:spPr>
            <a:xfrm>
              <a:off x="5909303" y="1530527"/>
              <a:ext cx="769215" cy="764666"/>
            </a:xfrm>
            <a:prstGeom prst="rect">
              <a:avLst/>
            </a:prstGeom>
          </p:spPr>
        </p:pic>
        <p:sp>
          <p:nvSpPr>
            <p:cNvPr id="114" name="Blokbue 113">
              <a:extLst>
                <a:ext uri="{FF2B5EF4-FFF2-40B4-BE49-F238E27FC236}">
                  <a16:creationId xmlns:a16="http://schemas.microsoft.com/office/drawing/2014/main" id="{DBD1AB95-34E1-AB7F-1C56-A67F1A219D09}"/>
                </a:ext>
              </a:extLst>
            </p:cNvPr>
            <p:cNvSpPr/>
            <p:nvPr/>
          </p:nvSpPr>
          <p:spPr bwMode="auto">
            <a:xfrm rot="10583219">
              <a:off x="5893979" y="1621172"/>
              <a:ext cx="799863" cy="655864"/>
            </a:xfrm>
            <a:prstGeom prst="blockArc">
              <a:avLst>
                <a:gd name="adj1" fmla="val 10187759"/>
                <a:gd name="adj2" fmla="val 1328130"/>
                <a:gd name="adj3" fmla="val 33143"/>
              </a:avLst>
            </a:prstGeom>
            <a:solidFill>
              <a:srgbClr val="E4E5EA"/>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nvGrpSpPr>
            <p:cNvPr id="115" name="Gruppe 114">
              <a:extLst>
                <a:ext uri="{FF2B5EF4-FFF2-40B4-BE49-F238E27FC236}">
                  <a16:creationId xmlns:a16="http://schemas.microsoft.com/office/drawing/2014/main" id="{3849E650-1EC8-9F9C-EBA0-20F19B397D6D}"/>
                </a:ext>
              </a:extLst>
            </p:cNvPr>
            <p:cNvGrpSpPr/>
            <p:nvPr/>
          </p:nvGrpSpPr>
          <p:grpSpPr>
            <a:xfrm>
              <a:off x="5958117" y="1993098"/>
              <a:ext cx="671585" cy="384208"/>
              <a:chOff x="7749287" y="1714250"/>
              <a:chExt cx="671585" cy="384208"/>
            </a:xfrm>
          </p:grpSpPr>
          <p:pic>
            <p:nvPicPr>
              <p:cNvPr id="116" name="Billede 115" descr="Et billede, der indeholder sort, mørke&#10;&#10;AI-genereret indhold kan være ukorrekt.">
                <a:extLst>
                  <a:ext uri="{FF2B5EF4-FFF2-40B4-BE49-F238E27FC236}">
                    <a16:creationId xmlns:a16="http://schemas.microsoft.com/office/drawing/2014/main" id="{20138981-81B9-7A0C-4195-426778C2FA8A}"/>
                  </a:ext>
                </a:extLst>
              </p:cNvPr>
              <p:cNvPicPr>
                <a:picLocks noChangeAspect="1"/>
              </p:cNvPicPr>
              <p:nvPr/>
            </p:nvPicPr>
            <p:blipFill>
              <a:blip r:embed="rId8" cstate="print">
                <a:duotone>
                  <a:schemeClr val="accent2">
                    <a:shade val="45000"/>
                    <a:satMod val="135000"/>
                  </a:schemeClr>
                  <a:prstClr val="white"/>
                </a:duotone>
                <a:extLst>
                  <a:ext uri="{BEBA8EAE-BF5A-486C-A8C5-ECC9F3942E4B}">
                    <a14:imgProps xmlns:a14="http://schemas.microsoft.com/office/drawing/2010/main">
                      <a14:imgLayer r:embed="rId9">
                        <a14:imgEffect>
                          <a14:backgroundRemoval t="9961" b="95508" l="1172" r="98633">
                            <a14:foregroundMark x1="64195" y1="46909" x2="76953" y2="46875"/>
                            <a14:foregroundMark x1="3906" y1="47070" x2="37381" y2="46981"/>
                            <a14:foregroundMark x1="42447" y1="50029" x2="4297" y2="53516"/>
                            <a14:foregroundMark x1="76953" y1="46875" x2="63267" y2="48126"/>
                            <a14:foregroundMark x1="4297" y1="53516" x2="89453" y2="97852"/>
                            <a14:foregroundMark x1="89453" y1="97852" x2="3711" y2="96094"/>
                            <a14:foregroundMark x1="3711" y1="96094" x2="80273" y2="90234"/>
                            <a14:foregroundMark x1="80273" y1="90234" x2="49414" y2="72852"/>
                            <a14:foregroundMark x1="83789" y1="63281" x2="99023" y2="65820"/>
                            <a14:foregroundMark x1="17383" y1="73242" x2="90820" y2="95703"/>
                            <a14:foregroundMark x1="90820" y1="95703" x2="95898" y2="95313"/>
                            <a14:foregroundMark x1="11523" y1="76758" x2="1172" y2="84570"/>
                            <a14:foregroundMark x1="13867" y1="47461" x2="24219" y2="46680"/>
                            <a14:foregroundMark x1="50781" y1="56641" x2="64258" y2="55664"/>
                            <a14:foregroundMark x1="67773" y1="54883" x2="24219" y2="57617"/>
                            <a14:foregroundMark x1="38477" y1="40234" x2="1172" y2="39648"/>
                            <a14:foregroundMark x1="22852" y1="51367" x2="19141" y2="45898"/>
                            <a14:foregroundMark x1="30664" y1="34961" x2="30859" y2="38281"/>
                            <a14:foregroundMark x1="42188" y1="50195" x2="50391" y2="55273"/>
                            <a14:foregroundMark x1="62109" y1="56641" x2="63867" y2="58008"/>
                            <a14:foregroundMark x1="75000" y1="57031" x2="78516" y2="55859"/>
                            <a14:foregroundMark x1="89844" y1="47070" x2="88672" y2="47461"/>
                            <a14:foregroundMark x1="82617" y1="48828" x2="82617" y2="48828"/>
                            <a14:foregroundMark x1="82031" y1="49219" x2="82031" y2="49219"/>
                            <a14:foregroundMark x1="76953" y1="47461" x2="76953" y2="47461"/>
                            <a14:foregroundMark x1="72852" y1="47852" x2="72852" y2="47852"/>
                            <a14:foregroundMark x1="75586" y1="45898" x2="75586" y2="45898"/>
                            <a14:foregroundMark x1="73438" y1="45313" x2="84180" y2="45703"/>
                            <a14:foregroundMark x1="82422" y1="42773" x2="37305" y2="58008"/>
                            <a14:foregroundMark x1="85547" y1="45898" x2="85547" y2="45898"/>
                            <a14:backgroundMark x1="0" y1="26563" x2="73242" y2="37891"/>
                            <a14:backgroundMark x1="73242" y1="37891" x2="2930" y2="25586"/>
                            <a14:backgroundMark x1="2930" y1="25586" x2="94727" y2="25391"/>
                            <a14:backgroundMark x1="94727" y1="25391" x2="22852" y2="6445"/>
                            <a14:backgroundMark x1="22852" y1="6445" x2="96680" y2="6836"/>
                            <a14:backgroundMark x1="96680" y1="6836" x2="20508" y2="11719"/>
                            <a14:backgroundMark x1="20508" y1="11719" x2="91211" y2="31055"/>
                            <a14:backgroundMark x1="91211" y1="31055" x2="70313" y2="38867"/>
                            <a14:backgroundMark x1="36901" y1="37736" x2="44141" y2="37109"/>
                            <a14:backgroundMark x1="27411" y1="36229" x2="13477" y2="33984"/>
                            <a14:backgroundMark x1="34626" y1="37391" x2="34130" y2="37311"/>
                            <a14:backgroundMark x1="48633" y1="39648" x2="36917" y2="37760"/>
                            <a14:backgroundMark x1="39844" y1="47852" x2="39844" y2="47852"/>
                            <a14:backgroundMark x1="39063" y1="44531" x2="57813" y2="46680"/>
                            <a14:backgroundMark x1="53906" y1="45313" x2="60203" y2="46983"/>
                            <a14:backgroundMark x1="54657" y1="48856" x2="55469" y2="47070"/>
                            <a14:backgroundMark x1="51973" y1="49762" x2="44141" y2="41797"/>
                            <a14:backgroundMark x1="44336" y1="41016" x2="41211" y2="47461"/>
                            <a14:backgroundMark x1="45117" y1="35742" x2="45705" y2="48563"/>
                            <a14:backgroundMark x1="50391" y1="43555" x2="48242" y2="48047"/>
                            <a14:backgroundMark x1="48633" y1="47852" x2="51953" y2="49609"/>
                            <a14:backgroundMark x1="51953" y1="49609" x2="51583" y2="49894"/>
                          </a14:backgroundRemoval>
                        </a14:imgEffect>
                      </a14:imgLayer>
                    </a14:imgProps>
                  </a:ext>
                  <a:ext uri="{28A0092B-C50C-407E-A947-70E740481C1C}">
                    <a14:useLocalDpi xmlns:a14="http://schemas.microsoft.com/office/drawing/2010/main" val="0"/>
                  </a:ext>
                </a:extLst>
              </a:blip>
              <a:srcRect t="42792" b="-1"/>
              <a:stretch>
                <a:fillRect/>
              </a:stretch>
            </p:blipFill>
            <p:spPr>
              <a:xfrm>
                <a:off x="7749287" y="1714251"/>
                <a:ext cx="671585" cy="384207"/>
              </a:xfrm>
              <a:prstGeom prst="rect">
                <a:avLst/>
              </a:prstGeom>
              <a:solidFill>
                <a:srgbClr val="E4E5EA"/>
              </a:solidFill>
            </p:spPr>
          </p:pic>
          <p:sp>
            <p:nvSpPr>
              <p:cNvPr id="117" name="Rektangel 116">
                <a:extLst>
                  <a:ext uri="{FF2B5EF4-FFF2-40B4-BE49-F238E27FC236}">
                    <a16:creationId xmlns:a16="http://schemas.microsoft.com/office/drawing/2014/main" id="{D2FC9858-3A31-CD6D-F90C-C1423058CA25}"/>
                  </a:ext>
                </a:extLst>
              </p:cNvPr>
              <p:cNvSpPr/>
              <p:nvPr/>
            </p:nvSpPr>
            <p:spPr bwMode="auto">
              <a:xfrm>
                <a:off x="7983538" y="1714250"/>
                <a:ext cx="193675" cy="51049"/>
              </a:xfrm>
              <a:prstGeom prst="rect">
                <a:avLst/>
              </a:prstGeom>
              <a:solidFill>
                <a:srgbClr val="E4E5EA"/>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grpSp>
      <p:sp>
        <p:nvSpPr>
          <p:cNvPr id="10" name="Freeform 4">
            <a:extLst>
              <a:ext uri="{FF2B5EF4-FFF2-40B4-BE49-F238E27FC236}">
                <a16:creationId xmlns:a16="http://schemas.microsoft.com/office/drawing/2014/main" id="{9F1399FD-D4DF-A1D8-14EC-A3FCC931BA02}"/>
              </a:ext>
            </a:extLst>
          </p:cNvPr>
          <p:cNvSpPr>
            <a:spLocks noChangeArrowheads="1"/>
          </p:cNvSpPr>
          <p:nvPr/>
        </p:nvSpPr>
        <p:spPr bwMode="auto">
          <a:xfrm>
            <a:off x="7156447" y="2078183"/>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 name="Billede 10" descr="Et billede, der indeholder sort, mørke&#10;&#10;AI-genereret indhold kan være ukorrekt.">
            <a:extLst>
              <a:ext uri="{FF2B5EF4-FFF2-40B4-BE49-F238E27FC236}">
                <a16:creationId xmlns:a16="http://schemas.microsoft.com/office/drawing/2014/main" id="{C02258D9-BA6E-41A9-5A18-F96D1832D957}"/>
              </a:ext>
            </a:extLst>
          </p:cNvPr>
          <p:cNvPicPr>
            <a:picLocks noChangeAspect="1"/>
          </p:cNvPicPr>
          <p:nvPr/>
        </p:nvPicPr>
        <p:blipFill>
          <a:blip r:embed="rId10" cstate="print">
            <a:lum bright="70000" contrast="-70000"/>
            <a:extLst>
              <a:ext uri="{28A0092B-C50C-407E-A947-70E740481C1C}">
                <a14:useLocalDpi xmlns:a14="http://schemas.microsoft.com/office/drawing/2010/main" val="0"/>
              </a:ext>
            </a:extLst>
          </a:blip>
          <a:stretch>
            <a:fillRect/>
          </a:stretch>
        </p:blipFill>
        <p:spPr>
          <a:xfrm>
            <a:off x="7292748" y="2230898"/>
            <a:ext cx="636225" cy="636225"/>
          </a:xfrm>
          <a:prstGeom prst="rect">
            <a:avLst/>
          </a:prstGeom>
        </p:spPr>
      </p:pic>
      <p:sp>
        <p:nvSpPr>
          <p:cNvPr id="2" name="Pladsholder til slidenummer 1">
            <a:extLst>
              <a:ext uri="{FF2B5EF4-FFF2-40B4-BE49-F238E27FC236}">
                <a16:creationId xmlns:a16="http://schemas.microsoft.com/office/drawing/2014/main" id="{A684D0CD-AE48-54D6-06AE-E73BF3B528B4}"/>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1</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320172529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2E38C6-2B78-638D-60E6-2064C767B76B}"/>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B3F8B707-98F0-492E-0882-D0E6F408493B}"/>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C03EAF41-F0AC-453E-B5FD-EB57839C0481}"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23696FFC-6AD1-BD1B-4E92-644EB46560C6}"/>
              </a:ext>
            </a:extLst>
          </p:cNvPr>
          <p:cNvSpPr txBox="1">
            <a:spLocks/>
          </p:cNvSpPr>
          <p:nvPr/>
        </p:nvSpPr>
        <p:spPr bwMode="auto">
          <a:xfrm>
            <a:off x="477788" y="695460"/>
            <a:ext cx="6092514"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0" i="0" u="none" strike="noStrike" kern="0" cap="none" spc="-50" normalizeH="0" baseline="0" noProof="0">
                <a:ln>
                  <a:noFill/>
                </a:ln>
                <a:solidFill>
                  <a:srgbClr val="A64443"/>
                </a:solidFill>
                <a:effectLst/>
                <a:uLnTx/>
                <a:uFillTx/>
                <a:latin typeface="AU Passata Light"/>
                <a:ea typeface="+mj-ea"/>
                <a:cs typeface="+mj-cs"/>
              </a:rPr>
              <a:t>Samlende bevægelser i praksis </a:t>
            </a:r>
          </a:p>
        </p:txBody>
      </p:sp>
      <p:sp>
        <p:nvSpPr>
          <p:cNvPr id="13" name="Tekstfelt 12">
            <a:extLst>
              <a:ext uri="{FF2B5EF4-FFF2-40B4-BE49-F238E27FC236}">
                <a16:creationId xmlns:a16="http://schemas.microsoft.com/office/drawing/2014/main" id="{B891D478-5BEF-7968-1BFC-288901424B90}"/>
              </a:ext>
            </a:extLst>
          </p:cNvPr>
          <p:cNvSpPr txBox="1"/>
          <p:nvPr/>
        </p:nvSpPr>
        <p:spPr>
          <a:xfrm>
            <a:off x="517394" y="1485632"/>
            <a:ext cx="5169031" cy="5170646"/>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dirty="0">
                <a:ln>
                  <a:noFill/>
                </a:ln>
                <a:solidFill>
                  <a:srgbClr val="000000"/>
                </a:solidFill>
                <a:effectLst/>
                <a:uLnTx/>
                <a:uFillTx/>
                <a:latin typeface="AU Passata" pitchFamily="34" charset="0"/>
                <a:ea typeface="+mn-ea"/>
                <a:cs typeface="+mn-cs"/>
              </a:rPr>
              <a:t>Formål:</a:t>
            </a:r>
            <a:b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b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At formulere og prioritere de bevægelser, der kan bringe organisationen tættere på den strategiske intention.</a:t>
            </a:r>
            <a:b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b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dirty="0">
                <a:ln>
                  <a:noFill/>
                </a:ln>
                <a:solidFill>
                  <a:srgbClr val="000000"/>
                </a:solidFill>
                <a:effectLst/>
                <a:uLnTx/>
                <a:uFillTx/>
                <a:latin typeface="AU Passata" pitchFamily="34" charset="0"/>
                <a:ea typeface="+mn-ea"/>
                <a:cs typeface="+mn-cs"/>
              </a:rPr>
              <a:t>Arbejdsform </a:t>
            </a: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342900" marR="0" lvl="0" indent="-342900" algn="l" defTabSz="914400" rtl="0" eaLnBrk="1" fontAlgn="base" latinLnBrk="0" hangingPunct="1">
              <a:lnSpc>
                <a:spcPct val="100000"/>
              </a:lnSpc>
              <a:spcBef>
                <a:spcPct val="0"/>
              </a:spcBef>
              <a:spcAft>
                <a:spcPct val="0"/>
              </a:spcAft>
              <a:buClrTx/>
              <a:buSzTx/>
              <a:buFont typeface="+mj-lt"/>
              <a:buAutoNum type="arabicPeriod"/>
              <a:tabLst/>
              <a:defRPr/>
            </a:pP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Afsæt i den strategiske intention</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Drøft, hvilke bevægelser der er nødvendige for at komme tættere på intentionen. Start evt. som ved arbejdet med strategisk intention – med individuelle eller parvise refleksioner på sedler.</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342900" marR="0" lvl="0" indent="-342900" algn="l" defTabSz="914400" rtl="0" eaLnBrk="1" fontAlgn="base" latinLnBrk="0" hangingPunct="1">
              <a:lnSpc>
                <a:spcPct val="100000"/>
              </a:lnSpc>
              <a:spcBef>
                <a:spcPct val="0"/>
              </a:spcBef>
              <a:spcAft>
                <a:spcPct val="0"/>
              </a:spcAft>
              <a:buClrTx/>
              <a:buSzTx/>
              <a:buFont typeface="+mj-lt"/>
              <a:buAutoNum type="arabicPeriod" startAt="2"/>
              <a:tabLst/>
              <a:defRPr/>
            </a:pP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Formulér bevægelsern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Brug korte og engagerende sætninger som </a:t>
            </a:r>
            <a:r>
              <a:rPr kumimoji="0" lang="da-DK" sz="1400" b="0" i="0" u="none" strike="noStrike" kern="1200" cap="none" spc="0" normalizeH="0" baseline="0" noProof="0" dirty="0" err="1">
                <a:ln>
                  <a:noFill/>
                </a:ln>
                <a:solidFill>
                  <a:srgbClr val="000000"/>
                </a:solidFill>
                <a:effectLst/>
                <a:uLnTx/>
                <a:uFillTx/>
                <a:latin typeface="AU Passata" pitchFamily="34" charset="0"/>
                <a:ea typeface="+mn-ea"/>
                <a:cs typeface="+mn-cs"/>
              </a:rPr>
              <a:t>fx:</a:t>
            </a:r>
            <a:r>
              <a:rPr kumimoji="0" lang="da-DK" sz="1400" b="0" i="1" u="none" strike="noStrike" kern="1200" cap="none" spc="0" normalizeH="0" baseline="0" noProof="0" dirty="0" err="1">
                <a:ln>
                  <a:noFill/>
                </a:ln>
                <a:solidFill>
                  <a:srgbClr val="000000"/>
                </a:solidFill>
                <a:effectLst/>
                <a:uLnTx/>
                <a:uFillTx/>
                <a:latin typeface="AU Passata" pitchFamily="34" charset="0"/>
                <a:ea typeface="+mn-ea"/>
                <a:cs typeface="+mn-cs"/>
              </a:rPr>
              <a:t>“Vi</a:t>
            </a: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 skal gå fra … til …”</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eller </a:t>
            </a: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Vi vil …”</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Vælg de formuleringer, der har mest kraft, peger tydeligst i den strategiske retning og vækker lyst til at bidrage.</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342900" marR="0" lvl="0" indent="-342900" algn="l" defTabSz="914400" rtl="0" eaLnBrk="1" fontAlgn="base" latinLnBrk="0" hangingPunct="1">
              <a:lnSpc>
                <a:spcPct val="100000"/>
              </a:lnSpc>
              <a:spcBef>
                <a:spcPct val="0"/>
              </a:spcBef>
              <a:spcAft>
                <a:spcPct val="0"/>
              </a:spcAft>
              <a:buClrTx/>
              <a:buSzTx/>
              <a:buFont typeface="+mj-lt"/>
              <a:buAutoNum type="arabicPeriod" startAt="3"/>
              <a:tabLst/>
              <a:defRPr/>
            </a:pP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Afstem og tilpa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Hvis intentionen spænder bredt, kan en interessentanalyse hjælpe med at identificere, hvilke bevægelser der er vigtigst for forskellige aktører. Arbejdet kræver ofte et par iterationer, før formuleringerne rammer klart og motiverend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p:txBody>
      </p:sp>
      <p:sp>
        <p:nvSpPr>
          <p:cNvPr id="12" name="Tekstfelt 11">
            <a:extLst>
              <a:ext uri="{FF2B5EF4-FFF2-40B4-BE49-F238E27FC236}">
                <a16:creationId xmlns:a16="http://schemas.microsoft.com/office/drawing/2014/main" id="{0F1355F1-EEBC-B3A6-A8B5-9E8060C5F9BD}"/>
              </a:ext>
            </a:extLst>
          </p:cNvPr>
          <p:cNvSpPr txBox="1"/>
          <p:nvPr/>
        </p:nvSpPr>
        <p:spPr>
          <a:xfrm>
            <a:off x="10901793" y="111009"/>
            <a:ext cx="161925" cy="409343"/>
          </a:xfrm>
          <a:prstGeom prst="rect">
            <a:avLst/>
          </a:prstGeom>
          <a:solidFill>
            <a:schemeClr val="bg1"/>
          </a:solidFill>
          <a:ln>
            <a:solidFill>
              <a:schemeClr val="bg1"/>
            </a:solid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3</a:t>
            </a:r>
          </a:p>
        </p:txBody>
      </p:sp>
      <p:sp>
        <p:nvSpPr>
          <p:cNvPr id="14" name="Freeform 4">
            <a:extLst>
              <a:ext uri="{FF2B5EF4-FFF2-40B4-BE49-F238E27FC236}">
                <a16:creationId xmlns:a16="http://schemas.microsoft.com/office/drawing/2014/main" id="{B4B93004-8242-0E0D-ED29-4BAE329A89E9}"/>
              </a:ext>
            </a:extLst>
          </p:cNvPr>
          <p:cNvSpPr>
            <a:spLocks noChangeArrowheads="1"/>
          </p:cNvSpPr>
          <p:nvPr/>
        </p:nvSpPr>
        <p:spPr bwMode="auto">
          <a:xfrm>
            <a:off x="9274667" y="379834"/>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6" name="Tekstfelt 15">
            <a:extLst>
              <a:ext uri="{FF2B5EF4-FFF2-40B4-BE49-F238E27FC236}">
                <a16:creationId xmlns:a16="http://schemas.microsoft.com/office/drawing/2014/main" id="{E87C85EA-F68E-36B5-15E7-0243A6231BF6}"/>
              </a:ext>
            </a:extLst>
          </p:cNvPr>
          <p:cNvSpPr txBox="1"/>
          <p:nvPr/>
        </p:nvSpPr>
        <p:spPr>
          <a:xfrm>
            <a:off x="5986073" y="1485632"/>
            <a:ext cx="5287986" cy="3325416"/>
          </a:xfrm>
          <a:prstGeom prst="roundRect">
            <a:avLst>
              <a:gd name="adj" fmla="val 6011"/>
            </a:avLst>
          </a:prstGeom>
          <a:solidFill>
            <a:srgbClr val="E4E5EA"/>
          </a:solid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Eksempler på samlende bevægelser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NGO, der havde brug for at styrke deres indtjening for at overleve: </a:t>
            </a:r>
            <a:r>
              <a:rPr kumimoji="0" lang="da-DK" sz="1400" b="0" i="1" u="none" strike="noStrike" kern="1200" cap="none" spc="0" normalizeH="0" baseline="0" noProof="0">
                <a:ln>
                  <a:noFill/>
                </a:ln>
                <a:solidFill>
                  <a:srgbClr val="000000"/>
                </a:solidFill>
                <a:effectLst/>
                <a:uLnTx/>
                <a:uFillTx/>
                <a:latin typeface="AU Passata" pitchFamily="34" charset="0"/>
                <a:ea typeface="+mn-ea"/>
                <a:cs typeface="+mn-cs"/>
              </a:rPr>
              <a:t>“Vi vil også være her om 100 år.”</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1"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10. klasse-skole: </a:t>
            </a:r>
            <a:r>
              <a:rPr kumimoji="0" lang="da-DK" sz="1400" b="0" i="1" u="none" strike="noStrike" kern="1200" cap="none" spc="0" normalizeH="0" baseline="0" noProof="0">
                <a:ln>
                  <a:noFill/>
                </a:ln>
                <a:solidFill>
                  <a:srgbClr val="000000"/>
                </a:solidFill>
                <a:effectLst/>
                <a:uLnTx/>
                <a:uFillTx/>
                <a:latin typeface="AU Passata" pitchFamily="34" charset="0"/>
                <a:ea typeface="+mn-ea"/>
                <a:cs typeface="+mn-cs"/>
              </a:rPr>
              <a:t>“Det skal gøre ondt at undvære o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Professionshøjskolen, der ville have flere uddannelser, der svarer på en af de store samfundsudfordringer: </a:t>
            </a:r>
            <a:r>
              <a:rPr kumimoji="0" lang="da-DK" sz="1400" b="0" i="1" u="none" strike="noStrike" kern="1200" cap="none" spc="0" normalizeH="0" baseline="0" noProof="0">
                <a:ln>
                  <a:noFill/>
                </a:ln>
                <a:solidFill>
                  <a:srgbClr val="000000"/>
                </a:solidFill>
                <a:effectLst/>
                <a:uLnTx/>
                <a:uFillTx/>
                <a:latin typeface="AU Passata" pitchFamily="34" charset="0"/>
                <a:ea typeface="+mn-ea"/>
                <a:cs typeface="+mn-cs"/>
              </a:rPr>
              <a:t>“Vores dimittender skal kritisk og kompetent kunne træde ind i en digital praksi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Fælles for dem alle:</a:t>
            </a:r>
            <a:b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b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De er korte, meningsfulde og peger tydeligt på en retning, som både medarbejdere og ledere kan tænke med i deres daglige arbejde.</a:t>
            </a:r>
          </a:p>
        </p:txBody>
      </p:sp>
      <p:sp>
        <p:nvSpPr>
          <p:cNvPr id="9" name="Rounded Rectangle 5">
            <a:extLst>
              <a:ext uri="{FF2B5EF4-FFF2-40B4-BE49-F238E27FC236}">
                <a16:creationId xmlns:a16="http://schemas.microsoft.com/office/drawing/2014/main" id="{CA651311-C4AD-5A0D-4FB9-3BC59EC0710F}"/>
              </a:ext>
            </a:extLst>
          </p:cNvPr>
          <p:cNvSpPr/>
          <p:nvPr/>
        </p:nvSpPr>
        <p:spPr>
          <a:xfrm>
            <a:off x="5986073" y="5140564"/>
            <a:ext cx="5287986" cy="1021976"/>
          </a:xfrm>
          <a:prstGeom prst="roundRect">
            <a:avLst/>
          </a:prstGeom>
          <a:solidFill>
            <a:srgbClr val="102B48"/>
          </a:solidFill>
          <a:ln w="15875">
            <a:noFill/>
          </a:ln>
          <a:effectLst/>
        </p:spPr>
        <p:style>
          <a:lnRef idx="2">
            <a:schemeClr val="accent1">
              <a:shade val="50000"/>
            </a:schemeClr>
          </a:lnRef>
          <a:fillRef idx="1">
            <a:schemeClr val="accent1"/>
          </a:fillRef>
          <a:effectRef idx="0">
            <a:schemeClr val="accent1"/>
          </a:effectRef>
          <a:fontRef idx="minor">
            <a:schemeClr val="lt1"/>
          </a:fontRef>
        </p:style>
        <p:txBody>
          <a:bodyPr lIns="89977" rtlCol="0" anchor="ctr"/>
          <a:lstStyle/>
          <a:p>
            <a:pPr marL="0" marR="0" lvl="0" indent="0" algn="ctr" defTabSz="914400" rtl="0" eaLnBrk="1" fontAlgn="base" latinLnBrk="0" hangingPunct="1">
              <a:lnSpc>
                <a:spcPts val="4799"/>
              </a:lnSpc>
              <a:spcBef>
                <a:spcPct val="0"/>
              </a:spcBef>
              <a:spcAft>
                <a:spcPct val="0"/>
              </a:spcAft>
              <a:buClrTx/>
              <a:buSzTx/>
              <a:buFont typeface="AU Passata" pitchFamily="34" charset="0"/>
              <a:buNone/>
              <a:tabLst/>
              <a:defRPr/>
            </a:pPr>
            <a:endParaRPr kumimoji="0" lang="uk-UA" sz="1000" b="0" i="0" u="none" strike="noStrike" kern="1200" cap="none" spc="0" normalizeH="0" baseline="0" noProof="0">
              <a:ln>
                <a:noFill/>
              </a:ln>
              <a:solidFill>
                <a:srgbClr val="FFFFFF"/>
              </a:solidFill>
              <a:effectLst/>
              <a:uLnTx/>
              <a:uFillTx/>
              <a:latin typeface="Lato Light" panose="020F0502020204030203" pitchFamily="34" charset="0"/>
              <a:ea typeface="+mn-ea"/>
              <a:cs typeface="+mn-cs"/>
            </a:endParaRPr>
          </a:p>
        </p:txBody>
      </p:sp>
      <p:sp>
        <p:nvSpPr>
          <p:cNvPr id="17" name="Tekstfelt 16">
            <a:extLst>
              <a:ext uri="{FF2B5EF4-FFF2-40B4-BE49-F238E27FC236}">
                <a16:creationId xmlns:a16="http://schemas.microsoft.com/office/drawing/2014/main" id="{AFD40880-A68F-F057-1FD6-C02A8442E5C7}"/>
              </a:ext>
            </a:extLst>
          </p:cNvPr>
          <p:cNvSpPr txBox="1"/>
          <p:nvPr/>
        </p:nvSpPr>
        <p:spPr>
          <a:xfrm>
            <a:off x="6131332" y="5211959"/>
            <a:ext cx="5035831" cy="861774"/>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a:ea typeface="+mn-ea"/>
                <a:cs typeface="+mn-cs"/>
              </a:rPr>
              <a:t>Metodeovervejels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De samlende bevægelser kan udvikles i fællesskab eller finpudses af en mindre gruppe. Involvering af flere skaber større ejerskab.</a:t>
            </a:r>
            <a:endParaRPr kumimoji="0" lang="en-GB" sz="1400" b="0" i="0" u="none" strike="noStrike" kern="1200" cap="none" spc="0" normalizeH="0" baseline="0" noProof="0">
              <a:ln>
                <a:noFill/>
              </a:ln>
              <a:solidFill>
                <a:srgbClr val="FFFFFF"/>
              </a:solidFill>
              <a:effectLst/>
              <a:uLnTx/>
              <a:uFillTx/>
              <a:latin typeface="AU Passata" pitchFamily="34" charset="0"/>
              <a:ea typeface="+mn-ea"/>
              <a:cs typeface="+mn-cs"/>
            </a:endParaRPr>
          </a:p>
        </p:txBody>
      </p:sp>
      <p:grpSp>
        <p:nvGrpSpPr>
          <p:cNvPr id="5" name="Gruppe 4">
            <a:extLst>
              <a:ext uri="{FF2B5EF4-FFF2-40B4-BE49-F238E27FC236}">
                <a16:creationId xmlns:a16="http://schemas.microsoft.com/office/drawing/2014/main" id="{A07333FE-9D7A-6B2A-42EA-B47DA4162AB8}"/>
              </a:ext>
            </a:extLst>
          </p:cNvPr>
          <p:cNvGrpSpPr/>
          <p:nvPr/>
        </p:nvGrpSpPr>
        <p:grpSpPr>
          <a:xfrm>
            <a:off x="9413407" y="462137"/>
            <a:ext cx="732373" cy="775330"/>
            <a:chOff x="5893979" y="1530527"/>
            <a:chExt cx="799863" cy="846779"/>
          </a:xfrm>
        </p:grpSpPr>
        <p:pic>
          <p:nvPicPr>
            <p:cNvPr id="6" name="Billede 5" descr="Et billede, der indeholder sort, mørke&#10;&#10;AI-genereret indhold kan være ukorrekt.">
              <a:extLst>
                <a:ext uri="{FF2B5EF4-FFF2-40B4-BE49-F238E27FC236}">
                  <a16:creationId xmlns:a16="http://schemas.microsoft.com/office/drawing/2014/main" id="{46C838CA-1041-5107-F1B0-E9675C92A0C4}"/>
                </a:ext>
              </a:extLst>
            </p:cNvPr>
            <p:cNvPicPr>
              <a:picLocks noChangeAspect="1"/>
            </p:cNvPicPr>
            <p:nvPr/>
          </p:nvPicPr>
          <p:blipFill>
            <a:blip r:embed="rId3" cstate="print">
              <a:lum bright="70000" contrast="-70000"/>
              <a:extLst>
                <a:ext uri="{28A0092B-C50C-407E-A947-70E740481C1C}">
                  <a14:useLocalDpi xmlns:a14="http://schemas.microsoft.com/office/drawing/2010/main" val="0"/>
                </a:ext>
              </a:extLst>
            </a:blip>
            <a:stretch>
              <a:fillRect/>
            </a:stretch>
          </p:blipFill>
          <p:spPr>
            <a:xfrm>
              <a:off x="5909303" y="1530527"/>
              <a:ext cx="769215" cy="764666"/>
            </a:xfrm>
            <a:prstGeom prst="rect">
              <a:avLst/>
            </a:prstGeom>
          </p:spPr>
        </p:pic>
        <p:sp>
          <p:nvSpPr>
            <p:cNvPr id="15" name="Blokbue 14">
              <a:extLst>
                <a:ext uri="{FF2B5EF4-FFF2-40B4-BE49-F238E27FC236}">
                  <a16:creationId xmlns:a16="http://schemas.microsoft.com/office/drawing/2014/main" id="{1E5ED734-2633-5481-CF6C-BAFF2EBC5080}"/>
                </a:ext>
              </a:extLst>
            </p:cNvPr>
            <p:cNvSpPr/>
            <p:nvPr/>
          </p:nvSpPr>
          <p:spPr bwMode="auto">
            <a:xfrm rot="10583219">
              <a:off x="5893979" y="1621172"/>
              <a:ext cx="799863" cy="655864"/>
            </a:xfrm>
            <a:prstGeom prst="blockArc">
              <a:avLst>
                <a:gd name="adj1" fmla="val 10187759"/>
                <a:gd name="adj2" fmla="val 1328130"/>
                <a:gd name="adj3" fmla="val 33143"/>
              </a:avLst>
            </a:prstGeom>
            <a:solidFill>
              <a:srgbClr val="102B48"/>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nvGrpSpPr>
            <p:cNvPr id="18" name="Gruppe 17">
              <a:extLst>
                <a:ext uri="{FF2B5EF4-FFF2-40B4-BE49-F238E27FC236}">
                  <a16:creationId xmlns:a16="http://schemas.microsoft.com/office/drawing/2014/main" id="{BAE72422-68B0-8AF5-5B4A-1B48B76DCDCA}"/>
                </a:ext>
              </a:extLst>
            </p:cNvPr>
            <p:cNvGrpSpPr/>
            <p:nvPr/>
          </p:nvGrpSpPr>
          <p:grpSpPr>
            <a:xfrm>
              <a:off x="5958117" y="1993098"/>
              <a:ext cx="671585" cy="384208"/>
              <a:chOff x="7749287" y="1714250"/>
              <a:chExt cx="671585" cy="384208"/>
            </a:xfrm>
          </p:grpSpPr>
          <p:pic>
            <p:nvPicPr>
              <p:cNvPr id="20" name="Billede 19" descr="Et billede, der indeholder sort, mørke&#10;&#10;AI-genereret indhold kan være ukorrekt.">
                <a:extLst>
                  <a:ext uri="{FF2B5EF4-FFF2-40B4-BE49-F238E27FC236}">
                    <a16:creationId xmlns:a16="http://schemas.microsoft.com/office/drawing/2014/main" id="{EA5B4602-36F4-0C3B-36EE-CC389F689FCC}"/>
                  </a:ext>
                </a:extLst>
              </p:cNvPr>
              <p:cNvPicPr>
                <a:picLocks noChangeAspect="1"/>
              </p:cNvPicPr>
              <p:nvPr/>
            </p:nvPicPr>
            <p:blipFill>
              <a:blip r:embed="rId4" cstate="print">
                <a:lum bright="70000" contrast="-70000"/>
                <a:extLst>
                  <a:ext uri="{BEBA8EAE-BF5A-486C-A8C5-ECC9F3942E4B}">
                    <a14:imgProps xmlns:a14="http://schemas.microsoft.com/office/drawing/2010/main">
                      <a14:imgLayer r:embed="rId5">
                        <a14:imgEffect>
                          <a14:backgroundRemoval t="9961" b="95508" l="1172" r="98633">
                            <a14:foregroundMark x1="64195" y1="46909" x2="76953" y2="46875"/>
                            <a14:foregroundMark x1="3906" y1="47070" x2="37381" y2="46981"/>
                            <a14:foregroundMark x1="42447" y1="50029" x2="4297" y2="53516"/>
                            <a14:foregroundMark x1="76953" y1="46875" x2="63267" y2="48126"/>
                            <a14:foregroundMark x1="4297" y1="53516" x2="89453" y2="97852"/>
                            <a14:foregroundMark x1="89453" y1="97852" x2="3711" y2="96094"/>
                            <a14:foregroundMark x1="3711" y1="96094" x2="80273" y2="90234"/>
                            <a14:foregroundMark x1="80273" y1="90234" x2="49414" y2="72852"/>
                            <a14:foregroundMark x1="83789" y1="63281" x2="99023" y2="65820"/>
                            <a14:foregroundMark x1="17383" y1="73242" x2="90820" y2="95703"/>
                            <a14:foregroundMark x1="90820" y1="95703" x2="95898" y2="95313"/>
                            <a14:foregroundMark x1="11523" y1="76758" x2="1172" y2="84570"/>
                            <a14:foregroundMark x1="13867" y1="47461" x2="24219" y2="46680"/>
                            <a14:foregroundMark x1="50781" y1="56641" x2="64258" y2="55664"/>
                            <a14:foregroundMark x1="67773" y1="54883" x2="24219" y2="57617"/>
                            <a14:foregroundMark x1="38477" y1="40234" x2="1172" y2="39648"/>
                            <a14:foregroundMark x1="22852" y1="51367" x2="19141" y2="45898"/>
                            <a14:foregroundMark x1="30664" y1="34961" x2="30859" y2="38281"/>
                            <a14:foregroundMark x1="42188" y1="50195" x2="50391" y2="55273"/>
                            <a14:foregroundMark x1="62109" y1="56641" x2="63867" y2="58008"/>
                            <a14:foregroundMark x1="75000" y1="57031" x2="78516" y2="55859"/>
                            <a14:foregroundMark x1="89844" y1="47070" x2="88672" y2="47461"/>
                            <a14:foregroundMark x1="82617" y1="48828" x2="82617" y2="48828"/>
                            <a14:foregroundMark x1="82031" y1="49219" x2="82031" y2="49219"/>
                            <a14:foregroundMark x1="76953" y1="47461" x2="76953" y2="47461"/>
                            <a14:foregroundMark x1="72852" y1="47852" x2="72852" y2="47852"/>
                            <a14:foregroundMark x1="75586" y1="45898" x2="75586" y2="45898"/>
                            <a14:foregroundMark x1="73438" y1="45313" x2="84180" y2="45703"/>
                            <a14:foregroundMark x1="82422" y1="42773" x2="37305" y2="58008"/>
                            <a14:foregroundMark x1="85547" y1="45898" x2="85547" y2="45898"/>
                            <a14:backgroundMark x1="0" y1="26563" x2="73242" y2="37891"/>
                            <a14:backgroundMark x1="73242" y1="37891" x2="2930" y2="25586"/>
                            <a14:backgroundMark x1="2930" y1="25586" x2="94727" y2="25391"/>
                            <a14:backgroundMark x1="94727" y1="25391" x2="22852" y2="6445"/>
                            <a14:backgroundMark x1="22852" y1="6445" x2="96680" y2="6836"/>
                            <a14:backgroundMark x1="96680" y1="6836" x2="20508" y2="11719"/>
                            <a14:backgroundMark x1="20508" y1="11719" x2="91211" y2="31055"/>
                            <a14:backgroundMark x1="91211" y1="31055" x2="70313" y2="38867"/>
                            <a14:backgroundMark x1="36901" y1="37736" x2="44141" y2="37109"/>
                            <a14:backgroundMark x1="27411" y1="36229" x2="13477" y2="33984"/>
                            <a14:backgroundMark x1="34626" y1="37391" x2="34130" y2="37311"/>
                            <a14:backgroundMark x1="48633" y1="39648" x2="36917" y2="37760"/>
                            <a14:backgroundMark x1="39844" y1="47852" x2="39844" y2="47852"/>
                            <a14:backgroundMark x1="39063" y1="44531" x2="57813" y2="46680"/>
                            <a14:backgroundMark x1="53906" y1="45313" x2="60203" y2="46983"/>
                            <a14:backgroundMark x1="54657" y1="48856" x2="55469" y2="47070"/>
                            <a14:backgroundMark x1="51973" y1="49762" x2="44141" y2="41797"/>
                            <a14:backgroundMark x1="44336" y1="41016" x2="41211" y2="47461"/>
                            <a14:backgroundMark x1="45117" y1="35742" x2="45705" y2="48563"/>
                            <a14:backgroundMark x1="50391" y1="43555" x2="48242" y2="48047"/>
                            <a14:backgroundMark x1="48633" y1="47852" x2="51953" y2="49609"/>
                            <a14:backgroundMark x1="51953" y1="49609" x2="51583" y2="49894"/>
                          </a14:backgroundRemoval>
                        </a14:imgEffect>
                      </a14:imgLayer>
                    </a14:imgProps>
                  </a:ext>
                  <a:ext uri="{28A0092B-C50C-407E-A947-70E740481C1C}">
                    <a14:useLocalDpi xmlns:a14="http://schemas.microsoft.com/office/drawing/2010/main" val="0"/>
                  </a:ext>
                </a:extLst>
              </a:blip>
              <a:srcRect t="42792" b="-1"/>
              <a:stretch>
                <a:fillRect/>
              </a:stretch>
            </p:blipFill>
            <p:spPr>
              <a:xfrm>
                <a:off x="7749287" y="1714251"/>
                <a:ext cx="671585" cy="384207"/>
              </a:xfrm>
              <a:prstGeom prst="rect">
                <a:avLst/>
              </a:prstGeom>
              <a:solidFill>
                <a:srgbClr val="102B48"/>
              </a:solidFill>
            </p:spPr>
          </p:pic>
          <p:sp>
            <p:nvSpPr>
              <p:cNvPr id="26" name="Rektangel 25">
                <a:extLst>
                  <a:ext uri="{FF2B5EF4-FFF2-40B4-BE49-F238E27FC236}">
                    <a16:creationId xmlns:a16="http://schemas.microsoft.com/office/drawing/2014/main" id="{E50D06E5-1665-FB57-06E5-D50EA06AA139}"/>
                  </a:ext>
                </a:extLst>
              </p:cNvPr>
              <p:cNvSpPr/>
              <p:nvPr/>
            </p:nvSpPr>
            <p:spPr bwMode="auto">
              <a:xfrm>
                <a:off x="7983538" y="1714250"/>
                <a:ext cx="193675" cy="51049"/>
              </a:xfrm>
              <a:prstGeom prst="rect">
                <a:avLst/>
              </a:prstGeom>
              <a:solidFill>
                <a:srgbClr val="0A1449"/>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grpSp>
      <p:sp>
        <p:nvSpPr>
          <p:cNvPr id="27" name="Tekstfelt 26">
            <a:extLst>
              <a:ext uri="{FF2B5EF4-FFF2-40B4-BE49-F238E27FC236}">
                <a16:creationId xmlns:a16="http://schemas.microsoft.com/office/drawing/2014/main" id="{1539867B-81DC-BB5A-5509-EA7F67D8A58B}"/>
              </a:ext>
            </a:extLst>
          </p:cNvPr>
          <p:cNvSpPr txBox="1"/>
          <p:nvPr/>
        </p:nvSpPr>
        <p:spPr>
          <a:xfrm>
            <a:off x="10254563" y="520352"/>
            <a:ext cx="1608757"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83D83">
                    <a:lumMod val="50000"/>
                  </a:srgbClr>
                </a:solidFill>
                <a:effectLst/>
                <a:uLnTx/>
                <a:uFillTx/>
                <a:latin typeface="AU Passata" pitchFamily="34" charset="0"/>
                <a:ea typeface="+mn-ea"/>
                <a:cs typeface="+mn-cs"/>
              </a:rPr>
              <a:t>Formulér samlende bevægelser</a:t>
            </a:r>
          </a:p>
        </p:txBody>
      </p:sp>
      <p:sp>
        <p:nvSpPr>
          <p:cNvPr id="2" name="Pladsholder til slidenummer 1">
            <a:extLst>
              <a:ext uri="{FF2B5EF4-FFF2-40B4-BE49-F238E27FC236}">
                <a16:creationId xmlns:a16="http://schemas.microsoft.com/office/drawing/2014/main" id="{5194369E-A11B-2B92-780B-73433AD093A6}"/>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2</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241524776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bg>
      <p:bgPr>
        <a:solidFill>
          <a:srgbClr val="102B48"/>
        </a:solidFill>
        <a:effectLst/>
      </p:bgPr>
    </p:bg>
    <p:spTree>
      <p:nvGrpSpPr>
        <p:cNvPr id="1" name="">
          <a:extLst>
            <a:ext uri="{FF2B5EF4-FFF2-40B4-BE49-F238E27FC236}">
              <a16:creationId xmlns:a16="http://schemas.microsoft.com/office/drawing/2014/main" id="{EE867DBD-4B8F-3CD9-ECB0-C04351044BFC}"/>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C0AA1C23-547E-DB32-AA69-E3CE72A76355}"/>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F1819A25-421D-4540-B8BE-153FD433580B}"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3C0BDE23-E8E8-AF62-9097-B69CEBA88440}"/>
              </a:ext>
            </a:extLst>
          </p:cNvPr>
          <p:cNvSpPr txBox="1">
            <a:spLocks/>
          </p:cNvSpPr>
          <p:nvPr/>
        </p:nvSpPr>
        <p:spPr bwMode="auto">
          <a:xfrm>
            <a:off x="477788" y="695460"/>
            <a:ext cx="6874150"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FFFFFF"/>
                </a:solidFill>
                <a:effectLst/>
                <a:uLnTx/>
                <a:uFillTx/>
                <a:latin typeface="AU Passata Light"/>
                <a:ea typeface="+mj-ea"/>
                <a:cs typeface="+mj-cs"/>
              </a:rPr>
              <a:t>Kortsigtede opgavelister </a:t>
            </a:r>
          </a:p>
        </p:txBody>
      </p:sp>
      <p:sp>
        <p:nvSpPr>
          <p:cNvPr id="13" name="Tekstfelt 12">
            <a:extLst>
              <a:ext uri="{FF2B5EF4-FFF2-40B4-BE49-F238E27FC236}">
                <a16:creationId xmlns:a16="http://schemas.microsoft.com/office/drawing/2014/main" id="{9C89DC82-C075-4EA9-1C98-C43461DCCB59}"/>
              </a:ext>
            </a:extLst>
          </p:cNvPr>
          <p:cNvSpPr txBox="1"/>
          <p:nvPr/>
        </p:nvSpPr>
        <p:spPr>
          <a:xfrm>
            <a:off x="517391" y="1540519"/>
            <a:ext cx="5119676" cy="4955203"/>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Hvad er det?</a:t>
            </a: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Kortsigtede opgavelister samler konkrete opgaver, der bringer organisationen tættere på den strategiske intention.</a:t>
            </a: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For hver samlende bevægelse udarbejdes mindst én opgaveliste – og gerne flere, hvis arbejdet foregår i flere afdelinger eller team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Arbejdet starter med at skabe overblik over, hvad man allerede gør, hvad der skal ændres eller stoppes, og hvilke udfordringer der skal løses for at lykke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De identificerede opgaver formuleres, så de er konkrete og handlebare – se forslag på næste slide.</a:t>
            </a: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Listerne bør kun dække et halvt år ad gangen og løbende genbesøges for at justere og fastholde retningen.</a:t>
            </a:r>
            <a:endParaRPr kumimoji="0" lang="da-DK" sz="1400" b="0" i="0" u="none" strike="noStrike" kern="1200" cap="none" spc="0" normalizeH="0" baseline="0" noProof="0">
              <a:ln>
                <a:noFill/>
              </a:ln>
              <a:solidFill>
                <a:srgbClr val="FFFFFF"/>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Formålet er, at: </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komme hurtigt i gang – uden at kende hele vejen på forhånd.</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formulere konkrete opgaver på kort sigt og justere retningen undervejs.</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gøre strategien operationel og handlebar i hverdagen.</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Light" panose="020B0303030902030804" pitchFamily="34" charset="0"/>
              <a:ea typeface="+mn-ea"/>
              <a:cs typeface="+mn-cs"/>
            </a:endParaRPr>
          </a:p>
        </p:txBody>
      </p:sp>
      <p:sp>
        <p:nvSpPr>
          <p:cNvPr id="16" name="OFF_logo1Computed">
            <a:extLst>
              <a:ext uri="{FF2B5EF4-FFF2-40B4-BE49-F238E27FC236}">
                <a16:creationId xmlns:a16="http://schemas.microsoft.com/office/drawing/2014/main" id="{00C6C867-2235-FBE1-EC1B-5A471A089140}"/>
              </a:ext>
            </a:extLst>
          </p:cNvPr>
          <p:cNvSpPr/>
          <p:nvPr/>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lvl="0" indent="0" algn="l" defTabSz="914126" rtl="0" eaLnBrk="1" fontAlgn="base" latinLnBrk="0" hangingPunct="1">
              <a:lnSpc>
                <a:spcPct val="90000"/>
              </a:lnSpc>
              <a:spcBef>
                <a:spcPct val="0"/>
              </a:spcBef>
              <a:spcAft>
                <a:spcPct val="0"/>
              </a:spcAft>
              <a:buClrTx/>
              <a:buSzTx/>
              <a:buFont typeface="AU Passata" pitchFamily="34" charset="0"/>
              <a:buNone/>
              <a:tabLst/>
              <a:defRPr/>
            </a:pPr>
            <a:r>
              <a:rPr kumimoji="0" lang="da-DK" sz="1000" b="0" i="0" u="none" strike="noStrike" kern="1200" cap="all" spc="0" normalizeH="0" baseline="0" noProof="1">
                <a:ln>
                  <a:noFill/>
                </a:ln>
                <a:solidFill>
                  <a:srgbClr val="FFFFFF"/>
                </a:solidFill>
                <a:effectLst/>
                <a:uLnTx/>
                <a:uFillTx/>
                <a:latin typeface="AU Passata" pitchFamily="34" charset="0"/>
                <a:ea typeface="+mn-ea"/>
                <a:cs typeface="+mn-cs"/>
              </a:rPr>
              <a:t>Aarhus
Universitet</a:t>
            </a:r>
          </a:p>
        </p:txBody>
      </p:sp>
      <p:pic>
        <p:nvPicPr>
          <p:cNvPr id="17" name="Au logo">
            <a:extLst>
              <a:ext uri="{FF2B5EF4-FFF2-40B4-BE49-F238E27FC236}">
                <a16:creationId xmlns:a16="http://schemas.microsoft.com/office/drawing/2014/main" id="{071DD1F0-9B32-B5D8-52E3-55E047C6950E}"/>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a:noFill/>
        </p:spPr>
      </p:pic>
      <p:sp>
        <p:nvSpPr>
          <p:cNvPr id="103" name="Freeform 2">
            <a:extLst>
              <a:ext uri="{FF2B5EF4-FFF2-40B4-BE49-F238E27FC236}">
                <a16:creationId xmlns:a16="http://schemas.microsoft.com/office/drawing/2014/main" id="{797E8168-F5D3-24C4-1E6A-46FE9E17F6D3}"/>
              </a:ext>
            </a:extLst>
          </p:cNvPr>
          <p:cNvSpPr>
            <a:spLocks noChangeArrowheads="1"/>
          </p:cNvSpPr>
          <p:nvPr/>
        </p:nvSpPr>
        <p:spPr bwMode="auto">
          <a:xfrm>
            <a:off x="7525526" y="0"/>
            <a:ext cx="2659422" cy="6858000"/>
          </a:xfrm>
          <a:custGeom>
            <a:avLst/>
            <a:gdLst>
              <a:gd name="T0" fmla="*/ 3689 w 6472"/>
              <a:gd name="T1" fmla="*/ 11007 h 11008"/>
              <a:gd name="T2" fmla="*/ 2772 w 6472"/>
              <a:gd name="T3" fmla="*/ 11007 h 11008"/>
              <a:gd name="T4" fmla="*/ 2772 w 6472"/>
              <a:gd name="T5" fmla="*/ 10647 h 11008"/>
              <a:gd name="T6" fmla="*/ 2772 w 6472"/>
              <a:gd name="T7" fmla="*/ 10647 h 11008"/>
              <a:gd name="T8" fmla="*/ 4056 w 6472"/>
              <a:gd name="T9" fmla="*/ 9363 h 11008"/>
              <a:gd name="T10" fmla="*/ 5187 w 6472"/>
              <a:gd name="T11" fmla="*/ 9363 h 11008"/>
              <a:gd name="T12" fmla="*/ 5187 w 6472"/>
              <a:gd name="T13" fmla="*/ 9363 h 11008"/>
              <a:gd name="T14" fmla="*/ 5554 w 6472"/>
              <a:gd name="T15" fmla="*/ 8996 h 11008"/>
              <a:gd name="T16" fmla="*/ 5554 w 6472"/>
              <a:gd name="T17" fmla="*/ 8996 h 11008"/>
              <a:gd name="T18" fmla="*/ 5187 w 6472"/>
              <a:gd name="T19" fmla="*/ 8629 h 11008"/>
              <a:gd name="T20" fmla="*/ 1285 w 6472"/>
              <a:gd name="T21" fmla="*/ 8629 h 11008"/>
              <a:gd name="T22" fmla="*/ 1285 w 6472"/>
              <a:gd name="T23" fmla="*/ 8629 h 11008"/>
              <a:gd name="T24" fmla="*/ 0 w 6472"/>
              <a:gd name="T25" fmla="*/ 7344 h 11008"/>
              <a:gd name="T26" fmla="*/ 0 w 6472"/>
              <a:gd name="T27" fmla="*/ 7344 h 11008"/>
              <a:gd name="T28" fmla="*/ 1285 w 6472"/>
              <a:gd name="T29" fmla="*/ 6060 h 11008"/>
              <a:gd name="T30" fmla="*/ 5187 w 6472"/>
              <a:gd name="T31" fmla="*/ 6060 h 11008"/>
              <a:gd name="T32" fmla="*/ 5187 w 6472"/>
              <a:gd name="T33" fmla="*/ 6060 h 11008"/>
              <a:gd name="T34" fmla="*/ 5554 w 6472"/>
              <a:gd name="T35" fmla="*/ 5694 h 11008"/>
              <a:gd name="T36" fmla="*/ 5554 w 6472"/>
              <a:gd name="T37" fmla="*/ 5694 h 11008"/>
              <a:gd name="T38" fmla="*/ 5187 w 6472"/>
              <a:gd name="T39" fmla="*/ 5328 h 11008"/>
              <a:gd name="T40" fmla="*/ 1285 w 6472"/>
              <a:gd name="T41" fmla="*/ 5328 h 11008"/>
              <a:gd name="T42" fmla="*/ 1285 w 6472"/>
              <a:gd name="T43" fmla="*/ 5328 h 11008"/>
              <a:gd name="T44" fmla="*/ 0 w 6472"/>
              <a:gd name="T45" fmla="*/ 4044 h 11008"/>
              <a:gd name="T46" fmla="*/ 0 w 6472"/>
              <a:gd name="T47" fmla="*/ 4044 h 11008"/>
              <a:gd name="T48" fmla="*/ 1285 w 6472"/>
              <a:gd name="T49" fmla="*/ 2759 h 11008"/>
              <a:gd name="T50" fmla="*/ 2410 w 6472"/>
              <a:gd name="T51" fmla="*/ 2759 h 11008"/>
              <a:gd name="T52" fmla="*/ 2410 w 6472"/>
              <a:gd name="T53" fmla="*/ 2759 h 11008"/>
              <a:gd name="T54" fmla="*/ 2777 w 6472"/>
              <a:gd name="T55" fmla="*/ 2392 h 11008"/>
              <a:gd name="T56" fmla="*/ 2777 w 6472"/>
              <a:gd name="T57" fmla="*/ 0 h 11008"/>
              <a:gd name="T58" fmla="*/ 3694 w 6472"/>
              <a:gd name="T59" fmla="*/ 0 h 11008"/>
              <a:gd name="T60" fmla="*/ 3694 w 6472"/>
              <a:gd name="T61" fmla="*/ 2392 h 11008"/>
              <a:gd name="T62" fmla="*/ 3694 w 6472"/>
              <a:gd name="T63" fmla="*/ 2392 h 11008"/>
              <a:gd name="T64" fmla="*/ 2410 w 6472"/>
              <a:gd name="T65" fmla="*/ 3677 h 11008"/>
              <a:gd name="T66" fmla="*/ 1285 w 6472"/>
              <a:gd name="T67" fmla="*/ 3677 h 11008"/>
              <a:gd name="T68" fmla="*/ 1285 w 6472"/>
              <a:gd name="T69" fmla="*/ 3677 h 11008"/>
              <a:gd name="T70" fmla="*/ 918 w 6472"/>
              <a:gd name="T71" fmla="*/ 4044 h 11008"/>
              <a:gd name="T72" fmla="*/ 918 w 6472"/>
              <a:gd name="T73" fmla="*/ 4044 h 11008"/>
              <a:gd name="T74" fmla="*/ 1285 w 6472"/>
              <a:gd name="T75" fmla="*/ 4411 h 11008"/>
              <a:gd name="T76" fmla="*/ 5187 w 6472"/>
              <a:gd name="T77" fmla="*/ 4411 h 11008"/>
              <a:gd name="T78" fmla="*/ 5187 w 6472"/>
              <a:gd name="T79" fmla="*/ 4411 h 11008"/>
              <a:gd name="T80" fmla="*/ 6471 w 6472"/>
              <a:gd name="T81" fmla="*/ 5694 h 11008"/>
              <a:gd name="T82" fmla="*/ 6471 w 6472"/>
              <a:gd name="T83" fmla="*/ 5694 h 11008"/>
              <a:gd name="T84" fmla="*/ 5187 w 6472"/>
              <a:gd name="T85" fmla="*/ 6977 h 11008"/>
              <a:gd name="T86" fmla="*/ 1285 w 6472"/>
              <a:gd name="T87" fmla="*/ 6977 h 11008"/>
              <a:gd name="T88" fmla="*/ 1285 w 6472"/>
              <a:gd name="T89" fmla="*/ 6977 h 11008"/>
              <a:gd name="T90" fmla="*/ 918 w 6472"/>
              <a:gd name="T91" fmla="*/ 7344 h 11008"/>
              <a:gd name="T92" fmla="*/ 918 w 6472"/>
              <a:gd name="T93" fmla="*/ 7344 h 11008"/>
              <a:gd name="T94" fmla="*/ 1285 w 6472"/>
              <a:gd name="T95" fmla="*/ 7711 h 11008"/>
              <a:gd name="T96" fmla="*/ 5187 w 6472"/>
              <a:gd name="T97" fmla="*/ 7711 h 11008"/>
              <a:gd name="T98" fmla="*/ 5187 w 6472"/>
              <a:gd name="T99" fmla="*/ 7711 h 11008"/>
              <a:gd name="T100" fmla="*/ 6471 w 6472"/>
              <a:gd name="T101" fmla="*/ 8996 h 11008"/>
              <a:gd name="T102" fmla="*/ 6471 w 6472"/>
              <a:gd name="T103" fmla="*/ 8996 h 11008"/>
              <a:gd name="T104" fmla="*/ 5187 w 6472"/>
              <a:gd name="T105" fmla="*/ 10280 h 11008"/>
              <a:gd name="T106" fmla="*/ 4056 w 6472"/>
              <a:gd name="T107" fmla="*/ 10280 h 11008"/>
              <a:gd name="T108" fmla="*/ 4056 w 6472"/>
              <a:gd name="T109" fmla="*/ 10280 h 11008"/>
              <a:gd name="T110" fmla="*/ 3689 w 6472"/>
              <a:gd name="T111" fmla="*/ 10647 h 11008"/>
              <a:gd name="T112" fmla="*/ 3689 w 6472"/>
              <a:gd name="T113" fmla="*/ 11007 h 110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472" h="11008">
                <a:moveTo>
                  <a:pt x="3689" y="11007"/>
                </a:moveTo>
                <a:lnTo>
                  <a:pt x="2772" y="11007"/>
                </a:lnTo>
                <a:lnTo>
                  <a:pt x="2772" y="10647"/>
                </a:lnTo>
                <a:lnTo>
                  <a:pt x="2772" y="10647"/>
                </a:lnTo>
                <a:cubicBezTo>
                  <a:pt x="2772" y="9939"/>
                  <a:pt x="3347" y="9363"/>
                  <a:pt x="4056" y="9363"/>
                </a:cubicBezTo>
                <a:lnTo>
                  <a:pt x="5187" y="9363"/>
                </a:lnTo>
                <a:lnTo>
                  <a:pt x="5187" y="9363"/>
                </a:lnTo>
                <a:cubicBezTo>
                  <a:pt x="5390" y="9363"/>
                  <a:pt x="5554" y="9198"/>
                  <a:pt x="5554" y="8996"/>
                </a:cubicBezTo>
                <a:lnTo>
                  <a:pt x="5554" y="8996"/>
                </a:lnTo>
                <a:cubicBezTo>
                  <a:pt x="5554" y="8793"/>
                  <a:pt x="5390" y="8629"/>
                  <a:pt x="5187" y="8629"/>
                </a:cubicBezTo>
                <a:lnTo>
                  <a:pt x="1285" y="8629"/>
                </a:lnTo>
                <a:lnTo>
                  <a:pt x="1285" y="8629"/>
                </a:lnTo>
                <a:cubicBezTo>
                  <a:pt x="576" y="8629"/>
                  <a:pt x="0" y="8053"/>
                  <a:pt x="0" y="7344"/>
                </a:cubicBezTo>
                <a:lnTo>
                  <a:pt x="0" y="7344"/>
                </a:lnTo>
                <a:cubicBezTo>
                  <a:pt x="0" y="6637"/>
                  <a:pt x="576" y="6060"/>
                  <a:pt x="1285" y="6060"/>
                </a:cubicBezTo>
                <a:lnTo>
                  <a:pt x="5187" y="6060"/>
                </a:lnTo>
                <a:lnTo>
                  <a:pt x="5187" y="6060"/>
                </a:lnTo>
                <a:cubicBezTo>
                  <a:pt x="5390" y="6060"/>
                  <a:pt x="5554" y="5896"/>
                  <a:pt x="5554" y="5694"/>
                </a:cubicBezTo>
                <a:lnTo>
                  <a:pt x="5554" y="5694"/>
                </a:lnTo>
                <a:cubicBezTo>
                  <a:pt x="5554" y="5492"/>
                  <a:pt x="5390" y="5328"/>
                  <a:pt x="5187" y="5328"/>
                </a:cubicBezTo>
                <a:lnTo>
                  <a:pt x="1285" y="5328"/>
                </a:lnTo>
                <a:lnTo>
                  <a:pt x="1285" y="5328"/>
                </a:lnTo>
                <a:cubicBezTo>
                  <a:pt x="576" y="5328"/>
                  <a:pt x="0" y="4752"/>
                  <a:pt x="0" y="4044"/>
                </a:cubicBezTo>
                <a:lnTo>
                  <a:pt x="0" y="4044"/>
                </a:lnTo>
                <a:cubicBezTo>
                  <a:pt x="0" y="3335"/>
                  <a:pt x="576" y="2759"/>
                  <a:pt x="1285" y="2759"/>
                </a:cubicBezTo>
                <a:lnTo>
                  <a:pt x="2410" y="2759"/>
                </a:lnTo>
                <a:lnTo>
                  <a:pt x="2410" y="2759"/>
                </a:lnTo>
                <a:cubicBezTo>
                  <a:pt x="2613" y="2759"/>
                  <a:pt x="2777" y="2595"/>
                  <a:pt x="2777" y="2392"/>
                </a:cubicBezTo>
                <a:lnTo>
                  <a:pt x="2777" y="0"/>
                </a:lnTo>
                <a:lnTo>
                  <a:pt x="3694" y="0"/>
                </a:lnTo>
                <a:lnTo>
                  <a:pt x="3694" y="2392"/>
                </a:lnTo>
                <a:lnTo>
                  <a:pt x="3694" y="2392"/>
                </a:lnTo>
                <a:cubicBezTo>
                  <a:pt x="3694" y="3101"/>
                  <a:pt x="3118" y="3677"/>
                  <a:pt x="2410" y="3677"/>
                </a:cubicBezTo>
                <a:lnTo>
                  <a:pt x="1285" y="3677"/>
                </a:lnTo>
                <a:lnTo>
                  <a:pt x="1285" y="3677"/>
                </a:lnTo>
                <a:cubicBezTo>
                  <a:pt x="1082" y="3677"/>
                  <a:pt x="918" y="3841"/>
                  <a:pt x="918" y="4044"/>
                </a:cubicBezTo>
                <a:lnTo>
                  <a:pt x="918" y="4044"/>
                </a:lnTo>
                <a:cubicBezTo>
                  <a:pt x="918" y="4246"/>
                  <a:pt x="1082" y="4411"/>
                  <a:pt x="1285" y="4411"/>
                </a:cubicBezTo>
                <a:lnTo>
                  <a:pt x="5187" y="4411"/>
                </a:lnTo>
                <a:lnTo>
                  <a:pt x="5187" y="4411"/>
                </a:lnTo>
                <a:cubicBezTo>
                  <a:pt x="5895" y="4411"/>
                  <a:pt x="6471" y="4987"/>
                  <a:pt x="6471" y="5694"/>
                </a:cubicBezTo>
                <a:lnTo>
                  <a:pt x="6471" y="5694"/>
                </a:lnTo>
                <a:cubicBezTo>
                  <a:pt x="6471" y="6402"/>
                  <a:pt x="5895" y="6977"/>
                  <a:pt x="5187" y="6977"/>
                </a:cubicBezTo>
                <a:lnTo>
                  <a:pt x="1285" y="6977"/>
                </a:lnTo>
                <a:lnTo>
                  <a:pt x="1285" y="6977"/>
                </a:lnTo>
                <a:cubicBezTo>
                  <a:pt x="1082" y="6977"/>
                  <a:pt x="918" y="7143"/>
                  <a:pt x="918" y="7344"/>
                </a:cubicBezTo>
                <a:lnTo>
                  <a:pt x="918" y="7344"/>
                </a:lnTo>
                <a:cubicBezTo>
                  <a:pt x="918" y="7547"/>
                  <a:pt x="1082" y="7711"/>
                  <a:pt x="1285" y="7711"/>
                </a:cubicBezTo>
                <a:lnTo>
                  <a:pt x="5187" y="7711"/>
                </a:lnTo>
                <a:lnTo>
                  <a:pt x="5187" y="7711"/>
                </a:lnTo>
                <a:cubicBezTo>
                  <a:pt x="5895" y="7711"/>
                  <a:pt x="6471" y="8287"/>
                  <a:pt x="6471" y="8996"/>
                </a:cubicBezTo>
                <a:lnTo>
                  <a:pt x="6471" y="8996"/>
                </a:lnTo>
                <a:cubicBezTo>
                  <a:pt x="6471" y="9704"/>
                  <a:pt x="5895" y="10280"/>
                  <a:pt x="5187" y="10280"/>
                </a:cubicBezTo>
                <a:lnTo>
                  <a:pt x="4056" y="10280"/>
                </a:lnTo>
                <a:lnTo>
                  <a:pt x="4056" y="10280"/>
                </a:lnTo>
                <a:cubicBezTo>
                  <a:pt x="3853" y="10280"/>
                  <a:pt x="3689" y="10444"/>
                  <a:pt x="3689" y="10647"/>
                </a:cubicBezTo>
                <a:lnTo>
                  <a:pt x="3689" y="11007"/>
                </a:lnTo>
              </a:path>
            </a:pathLst>
          </a:custGeom>
          <a:solidFill>
            <a:schemeClr val="accent6">
              <a:alpha val="40000"/>
            </a:schemeClr>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4" name="Freeform 29">
            <a:extLst>
              <a:ext uri="{FF2B5EF4-FFF2-40B4-BE49-F238E27FC236}">
                <a16:creationId xmlns:a16="http://schemas.microsoft.com/office/drawing/2014/main" id="{D7E52AD7-0DC8-D956-BBEF-B91558C820C7}"/>
              </a:ext>
            </a:extLst>
          </p:cNvPr>
          <p:cNvSpPr>
            <a:spLocks noChangeArrowheads="1"/>
          </p:cNvSpPr>
          <p:nvPr/>
        </p:nvSpPr>
        <p:spPr bwMode="auto">
          <a:xfrm>
            <a:off x="7823205" y="0"/>
            <a:ext cx="1922798" cy="6751320"/>
          </a:xfrm>
          <a:custGeom>
            <a:avLst/>
            <a:gdLst>
              <a:gd name="connsiteX0" fmla="*/ 1902033 w 3845787"/>
              <a:gd name="connsiteY0" fmla="*/ 7323434 h 7534754"/>
              <a:gd name="connsiteX1" fmla="*/ 1937679 w 3845787"/>
              <a:gd name="connsiteY1" fmla="*/ 7323434 h 7534754"/>
              <a:gd name="connsiteX2" fmla="*/ 1937679 w 3845787"/>
              <a:gd name="connsiteY2" fmla="*/ 7534754 h 7534754"/>
              <a:gd name="connsiteX3" fmla="*/ 1902033 w 3845787"/>
              <a:gd name="connsiteY3" fmla="*/ 7534754 h 7534754"/>
              <a:gd name="connsiteX4" fmla="*/ 2031274 w 3845787"/>
              <a:gd name="connsiteY4" fmla="*/ 6923643 h 7534754"/>
              <a:gd name="connsiteX5" fmla="*/ 2058837 w 3845787"/>
              <a:gd name="connsiteY5" fmla="*/ 6945474 h 7534754"/>
              <a:gd name="connsiteX6" fmla="*/ 1963057 w 3845787"/>
              <a:gd name="connsiteY6" fmla="*/ 7122856 h 7534754"/>
              <a:gd name="connsiteX7" fmla="*/ 1929292 w 3845787"/>
              <a:gd name="connsiteY7" fmla="*/ 7112622 h 7534754"/>
              <a:gd name="connsiteX8" fmla="*/ 2031274 w 3845787"/>
              <a:gd name="connsiteY8" fmla="*/ 6923643 h 7534754"/>
              <a:gd name="connsiteX9" fmla="*/ 2395606 w 3845787"/>
              <a:gd name="connsiteY9" fmla="*/ 6711633 h 7534754"/>
              <a:gd name="connsiteX10" fmla="*/ 2401087 w 3845787"/>
              <a:gd name="connsiteY10" fmla="*/ 6746880 h 7534754"/>
              <a:gd name="connsiteX11" fmla="*/ 2210605 w 3845787"/>
              <a:gd name="connsiteY11" fmla="*/ 6813918 h 7534754"/>
              <a:gd name="connsiteX12" fmla="*/ 2192790 w 3845787"/>
              <a:gd name="connsiteY12" fmla="*/ 6784200 h 7534754"/>
              <a:gd name="connsiteX13" fmla="*/ 2395606 w 3845787"/>
              <a:gd name="connsiteY13" fmla="*/ 6711633 h 7534754"/>
              <a:gd name="connsiteX14" fmla="*/ 3028715 w 3845787"/>
              <a:gd name="connsiteY14" fmla="*/ 6702544 h 7534754"/>
              <a:gd name="connsiteX15" fmla="*/ 3237014 w 3845787"/>
              <a:gd name="connsiteY15" fmla="*/ 6702544 h 7534754"/>
              <a:gd name="connsiteX16" fmla="*/ 3237014 w 3845787"/>
              <a:gd name="connsiteY16" fmla="*/ 6738190 h 7534754"/>
              <a:gd name="connsiteX17" fmla="*/ 3028715 w 3845787"/>
              <a:gd name="connsiteY17" fmla="*/ 6738190 h 7534754"/>
              <a:gd name="connsiteX18" fmla="*/ 2607726 w 3845787"/>
              <a:gd name="connsiteY18" fmla="*/ 6702544 h 7534754"/>
              <a:gd name="connsiteX19" fmla="*/ 2819046 w 3845787"/>
              <a:gd name="connsiteY19" fmla="*/ 6702544 h 7534754"/>
              <a:gd name="connsiteX20" fmla="*/ 2819046 w 3845787"/>
              <a:gd name="connsiteY20" fmla="*/ 6738190 h 7534754"/>
              <a:gd name="connsiteX21" fmla="*/ 2607726 w 3845787"/>
              <a:gd name="connsiteY21" fmla="*/ 6738190 h 7534754"/>
              <a:gd name="connsiteX22" fmla="*/ 3617162 w 3845787"/>
              <a:gd name="connsiteY22" fmla="*/ 6575338 h 7534754"/>
              <a:gd name="connsiteX23" fmla="*/ 3639830 w 3845787"/>
              <a:gd name="connsiteY23" fmla="*/ 6602267 h 7534754"/>
              <a:gd name="connsiteX24" fmla="*/ 3451613 w 3845787"/>
              <a:gd name="connsiteY24" fmla="*/ 6707910 h 7534754"/>
              <a:gd name="connsiteX25" fmla="*/ 3440622 w 3845787"/>
              <a:gd name="connsiteY25" fmla="*/ 6674767 h 7534754"/>
              <a:gd name="connsiteX26" fmla="*/ 3617162 w 3845787"/>
              <a:gd name="connsiteY26" fmla="*/ 6575338 h 7534754"/>
              <a:gd name="connsiteX27" fmla="*/ 3810378 w 3845787"/>
              <a:gd name="connsiteY27" fmla="*/ 6227039 h 7534754"/>
              <a:gd name="connsiteX28" fmla="*/ 3845776 w 3845787"/>
              <a:gd name="connsiteY28" fmla="*/ 6231835 h 7534754"/>
              <a:gd name="connsiteX29" fmla="*/ 3777062 w 3845787"/>
              <a:gd name="connsiteY29" fmla="*/ 6435334 h 7534754"/>
              <a:gd name="connsiteX30" fmla="*/ 3746523 w 3845787"/>
              <a:gd name="connsiteY30" fmla="*/ 6418889 h 7534754"/>
              <a:gd name="connsiteX31" fmla="*/ 3810378 w 3845787"/>
              <a:gd name="connsiteY31" fmla="*/ 6227039 h 7534754"/>
              <a:gd name="connsiteX32" fmla="*/ 3745764 w 3845787"/>
              <a:gd name="connsiteY32" fmla="*/ 5821189 h 7534754"/>
              <a:gd name="connsiteX33" fmla="*/ 3833666 w 3845787"/>
              <a:gd name="connsiteY33" fmla="*/ 6018187 h 7534754"/>
              <a:gd name="connsiteX34" fmla="*/ 3799329 w 3845787"/>
              <a:gd name="connsiteY34" fmla="*/ 6026453 h 7534754"/>
              <a:gd name="connsiteX35" fmla="*/ 3716234 w 3845787"/>
              <a:gd name="connsiteY35" fmla="*/ 5841164 h 7534754"/>
              <a:gd name="connsiteX36" fmla="*/ 3393655 w 3845787"/>
              <a:gd name="connsiteY36" fmla="*/ 5584951 h 7534754"/>
              <a:gd name="connsiteX37" fmla="*/ 3591369 w 3845787"/>
              <a:gd name="connsiteY37" fmla="*/ 5670584 h 7534754"/>
              <a:gd name="connsiteX38" fmla="*/ 3571461 w 3845787"/>
              <a:gd name="connsiteY38" fmla="*/ 5699357 h 7534754"/>
              <a:gd name="connsiteX39" fmla="*/ 3386103 w 3845787"/>
              <a:gd name="connsiteY39" fmla="*/ 5618519 h 7534754"/>
              <a:gd name="connsiteX40" fmla="*/ 2971172 w 3845787"/>
              <a:gd name="connsiteY40" fmla="*/ 5569805 h 7534754"/>
              <a:gd name="connsiteX41" fmla="*/ 3182492 w 3845787"/>
              <a:gd name="connsiteY41" fmla="*/ 5569805 h 7534754"/>
              <a:gd name="connsiteX42" fmla="*/ 3182492 w 3845787"/>
              <a:gd name="connsiteY42" fmla="*/ 5605451 h 7534754"/>
              <a:gd name="connsiteX43" fmla="*/ 2971172 w 3845787"/>
              <a:gd name="connsiteY43" fmla="*/ 5605451 h 7534754"/>
              <a:gd name="connsiteX44" fmla="*/ 2550180 w 3845787"/>
              <a:gd name="connsiteY44" fmla="*/ 5569805 h 7534754"/>
              <a:gd name="connsiteX45" fmla="*/ 2761500 w 3845787"/>
              <a:gd name="connsiteY45" fmla="*/ 5569805 h 7534754"/>
              <a:gd name="connsiteX46" fmla="*/ 2761500 w 3845787"/>
              <a:gd name="connsiteY46" fmla="*/ 5605451 h 7534754"/>
              <a:gd name="connsiteX47" fmla="*/ 2550180 w 3845787"/>
              <a:gd name="connsiteY47" fmla="*/ 5605451 h 7534754"/>
              <a:gd name="connsiteX48" fmla="*/ 2132217 w 3845787"/>
              <a:gd name="connsiteY48" fmla="*/ 5569805 h 7534754"/>
              <a:gd name="connsiteX49" fmla="*/ 2343537 w 3845787"/>
              <a:gd name="connsiteY49" fmla="*/ 5569805 h 7534754"/>
              <a:gd name="connsiteX50" fmla="*/ 2343537 w 3845787"/>
              <a:gd name="connsiteY50" fmla="*/ 5605451 h 7534754"/>
              <a:gd name="connsiteX51" fmla="*/ 2132217 w 3845787"/>
              <a:gd name="connsiteY51" fmla="*/ 5605451 h 7534754"/>
              <a:gd name="connsiteX52" fmla="*/ 1711227 w 3845787"/>
              <a:gd name="connsiteY52" fmla="*/ 5569805 h 7534754"/>
              <a:gd name="connsiteX53" fmla="*/ 1922547 w 3845787"/>
              <a:gd name="connsiteY53" fmla="*/ 5569805 h 7534754"/>
              <a:gd name="connsiteX54" fmla="*/ 1922547 w 3845787"/>
              <a:gd name="connsiteY54" fmla="*/ 5605451 h 7534754"/>
              <a:gd name="connsiteX55" fmla="*/ 1711227 w 3845787"/>
              <a:gd name="connsiteY55" fmla="*/ 5605451 h 7534754"/>
              <a:gd name="connsiteX56" fmla="*/ 1293264 w 3845787"/>
              <a:gd name="connsiteY56" fmla="*/ 5569805 h 7534754"/>
              <a:gd name="connsiteX57" fmla="*/ 1501561 w 3845787"/>
              <a:gd name="connsiteY57" fmla="*/ 5569805 h 7534754"/>
              <a:gd name="connsiteX58" fmla="*/ 1501561 w 3845787"/>
              <a:gd name="connsiteY58" fmla="*/ 5605451 h 7534754"/>
              <a:gd name="connsiteX59" fmla="*/ 1293264 w 3845787"/>
              <a:gd name="connsiteY59" fmla="*/ 5605451 h 7534754"/>
              <a:gd name="connsiteX60" fmla="*/ 872272 w 3845787"/>
              <a:gd name="connsiteY60" fmla="*/ 5569805 h 7534754"/>
              <a:gd name="connsiteX61" fmla="*/ 1083591 w 3845787"/>
              <a:gd name="connsiteY61" fmla="*/ 5569805 h 7534754"/>
              <a:gd name="connsiteX62" fmla="*/ 1083591 w 3845787"/>
              <a:gd name="connsiteY62" fmla="*/ 5605451 h 7534754"/>
              <a:gd name="connsiteX63" fmla="*/ 872272 w 3845787"/>
              <a:gd name="connsiteY63" fmla="*/ 5605451 h 7534754"/>
              <a:gd name="connsiteX64" fmla="*/ 456548 w 3845787"/>
              <a:gd name="connsiteY64" fmla="*/ 5554664 h 7534754"/>
              <a:gd name="connsiteX65" fmla="*/ 584466 w 3845787"/>
              <a:gd name="connsiteY65" fmla="*/ 5569475 h 7534754"/>
              <a:gd name="connsiteX66" fmla="*/ 662599 w 3845787"/>
              <a:gd name="connsiteY66" fmla="*/ 5569475 h 7534754"/>
              <a:gd name="connsiteX67" fmla="*/ 662599 w 3845787"/>
              <a:gd name="connsiteY67" fmla="*/ 5605445 h 7534754"/>
              <a:gd name="connsiteX68" fmla="*/ 584466 w 3845787"/>
              <a:gd name="connsiteY68" fmla="*/ 5605445 h 7534754"/>
              <a:gd name="connsiteX69" fmla="*/ 448251 w 3845787"/>
              <a:gd name="connsiteY69" fmla="*/ 5589224 h 7534754"/>
              <a:gd name="connsiteX70" fmla="*/ 129407 w 3845787"/>
              <a:gd name="connsiteY70" fmla="*/ 5327507 h 7534754"/>
              <a:gd name="connsiteX71" fmla="*/ 271901 w 3845787"/>
              <a:gd name="connsiteY71" fmla="*/ 5470687 h 7534754"/>
              <a:gd name="connsiteX72" fmla="*/ 252034 w 3845787"/>
              <a:gd name="connsiteY72" fmla="*/ 5499460 h 7534754"/>
              <a:gd name="connsiteX73" fmla="*/ 99950 w 3845787"/>
              <a:gd name="connsiteY73" fmla="*/ 5347374 h 7534754"/>
              <a:gd name="connsiteX74" fmla="*/ 6348 w 3845787"/>
              <a:gd name="connsiteY74" fmla="*/ 4936804 h 7534754"/>
              <a:gd name="connsiteX75" fmla="*/ 41614 w 3845787"/>
              <a:gd name="connsiteY75" fmla="*/ 4941598 h 7534754"/>
              <a:gd name="connsiteX76" fmla="*/ 35972 w 3845787"/>
              <a:gd name="connsiteY76" fmla="*/ 5018984 h 7534754"/>
              <a:gd name="connsiteX77" fmla="*/ 50783 w 3845787"/>
              <a:gd name="connsiteY77" fmla="*/ 5142939 h 7534754"/>
              <a:gd name="connsiteX78" fmla="*/ 15517 w 3845787"/>
              <a:gd name="connsiteY78" fmla="*/ 5151157 h 7534754"/>
              <a:gd name="connsiteX79" fmla="*/ 0 w 3845787"/>
              <a:gd name="connsiteY79" fmla="*/ 5018984 h 7534754"/>
              <a:gd name="connsiteX80" fmla="*/ 6348 w 3845787"/>
              <a:gd name="connsiteY80" fmla="*/ 4936804 h 7534754"/>
              <a:gd name="connsiteX81" fmla="*/ 213603 w 3845787"/>
              <a:gd name="connsiteY81" fmla="*/ 4567303 h 7534754"/>
              <a:gd name="connsiteX82" fmla="*/ 235555 w 3845787"/>
              <a:gd name="connsiteY82" fmla="*/ 4594289 h 7534754"/>
              <a:gd name="connsiteX83" fmla="*/ 105903 w 3845787"/>
              <a:gd name="connsiteY83" fmla="*/ 4751362 h 7534754"/>
              <a:gd name="connsiteX84" fmla="*/ 75720 w 3845787"/>
              <a:gd name="connsiteY84" fmla="*/ 4733371 h 7534754"/>
              <a:gd name="connsiteX85" fmla="*/ 213603 w 3845787"/>
              <a:gd name="connsiteY85" fmla="*/ 4567303 h 7534754"/>
              <a:gd name="connsiteX86" fmla="*/ 584408 w 3845787"/>
              <a:gd name="connsiteY86" fmla="*/ 4434039 h 7534754"/>
              <a:gd name="connsiteX87" fmla="*/ 614140 w 3845787"/>
              <a:gd name="connsiteY87" fmla="*/ 4434039 h 7534754"/>
              <a:gd name="connsiteX88" fmla="*/ 614140 w 3845787"/>
              <a:gd name="connsiteY88" fmla="*/ 4469684 h 7534754"/>
              <a:gd name="connsiteX89" fmla="*/ 584408 w 3845787"/>
              <a:gd name="connsiteY89" fmla="*/ 4469684 h 7534754"/>
              <a:gd name="connsiteX90" fmla="*/ 410855 w 3845787"/>
              <a:gd name="connsiteY90" fmla="*/ 4496942 h 7534754"/>
              <a:gd name="connsiteX91" fmla="*/ 399792 w 3845787"/>
              <a:gd name="connsiteY91" fmla="*/ 4463394 h 7534754"/>
              <a:gd name="connsiteX92" fmla="*/ 584408 w 3845787"/>
              <a:gd name="connsiteY92" fmla="*/ 4434039 h 7534754"/>
              <a:gd name="connsiteX93" fmla="*/ 2922713 w 3845787"/>
              <a:gd name="connsiteY93" fmla="*/ 4434037 h 7534754"/>
              <a:gd name="connsiteX94" fmla="*/ 3134033 w 3845787"/>
              <a:gd name="connsiteY94" fmla="*/ 4434037 h 7534754"/>
              <a:gd name="connsiteX95" fmla="*/ 3134033 w 3845787"/>
              <a:gd name="connsiteY95" fmla="*/ 4469683 h 7534754"/>
              <a:gd name="connsiteX96" fmla="*/ 2922713 w 3845787"/>
              <a:gd name="connsiteY96" fmla="*/ 4469683 h 7534754"/>
              <a:gd name="connsiteX97" fmla="*/ 2501720 w 3845787"/>
              <a:gd name="connsiteY97" fmla="*/ 4434037 h 7534754"/>
              <a:gd name="connsiteX98" fmla="*/ 2713040 w 3845787"/>
              <a:gd name="connsiteY98" fmla="*/ 4434037 h 7534754"/>
              <a:gd name="connsiteX99" fmla="*/ 2713040 w 3845787"/>
              <a:gd name="connsiteY99" fmla="*/ 4469683 h 7534754"/>
              <a:gd name="connsiteX100" fmla="*/ 2501720 w 3845787"/>
              <a:gd name="connsiteY100" fmla="*/ 4469683 h 7534754"/>
              <a:gd name="connsiteX101" fmla="*/ 2083758 w 3845787"/>
              <a:gd name="connsiteY101" fmla="*/ 4434037 h 7534754"/>
              <a:gd name="connsiteX102" fmla="*/ 2295078 w 3845787"/>
              <a:gd name="connsiteY102" fmla="*/ 4434037 h 7534754"/>
              <a:gd name="connsiteX103" fmla="*/ 2295078 w 3845787"/>
              <a:gd name="connsiteY103" fmla="*/ 4469683 h 7534754"/>
              <a:gd name="connsiteX104" fmla="*/ 2083758 w 3845787"/>
              <a:gd name="connsiteY104" fmla="*/ 4469683 h 7534754"/>
              <a:gd name="connsiteX105" fmla="*/ 1662767 w 3845787"/>
              <a:gd name="connsiteY105" fmla="*/ 4434037 h 7534754"/>
              <a:gd name="connsiteX106" fmla="*/ 1874086 w 3845787"/>
              <a:gd name="connsiteY106" fmla="*/ 4434037 h 7534754"/>
              <a:gd name="connsiteX107" fmla="*/ 1874086 w 3845787"/>
              <a:gd name="connsiteY107" fmla="*/ 4469683 h 7534754"/>
              <a:gd name="connsiteX108" fmla="*/ 1662767 w 3845787"/>
              <a:gd name="connsiteY108" fmla="*/ 4469683 h 7534754"/>
              <a:gd name="connsiteX109" fmla="*/ 1244805 w 3845787"/>
              <a:gd name="connsiteY109" fmla="*/ 4434037 h 7534754"/>
              <a:gd name="connsiteX110" fmla="*/ 1456124 w 3845787"/>
              <a:gd name="connsiteY110" fmla="*/ 4434037 h 7534754"/>
              <a:gd name="connsiteX111" fmla="*/ 1456124 w 3845787"/>
              <a:gd name="connsiteY111" fmla="*/ 4469683 h 7534754"/>
              <a:gd name="connsiteX112" fmla="*/ 1244805 w 3845787"/>
              <a:gd name="connsiteY112" fmla="*/ 4469683 h 7534754"/>
              <a:gd name="connsiteX113" fmla="*/ 823810 w 3845787"/>
              <a:gd name="connsiteY113" fmla="*/ 4434037 h 7534754"/>
              <a:gd name="connsiteX114" fmla="*/ 1032109 w 3845787"/>
              <a:gd name="connsiteY114" fmla="*/ 4434037 h 7534754"/>
              <a:gd name="connsiteX115" fmla="*/ 1032109 w 3845787"/>
              <a:gd name="connsiteY115" fmla="*/ 4469683 h 7534754"/>
              <a:gd name="connsiteX116" fmla="*/ 823810 w 3845787"/>
              <a:gd name="connsiteY116" fmla="*/ 4469683 h 7534754"/>
              <a:gd name="connsiteX117" fmla="*/ 3531841 w 3845787"/>
              <a:gd name="connsiteY117" fmla="*/ 4364376 h 7534754"/>
              <a:gd name="connsiteX118" fmla="*/ 3548970 w 3845787"/>
              <a:gd name="connsiteY118" fmla="*/ 4395394 h 7534754"/>
              <a:gd name="connsiteX119" fmla="*/ 3345472 w 3845787"/>
              <a:gd name="connsiteY119" fmla="*/ 4463635 h 7534754"/>
              <a:gd name="connsiteX120" fmla="*/ 3340675 w 3845787"/>
              <a:gd name="connsiteY120" fmla="*/ 4429170 h 7534754"/>
              <a:gd name="connsiteX121" fmla="*/ 3531841 w 3845787"/>
              <a:gd name="connsiteY121" fmla="*/ 4364376 h 7534754"/>
              <a:gd name="connsiteX122" fmla="*/ 3785376 w 3845787"/>
              <a:gd name="connsiteY122" fmla="*/ 4058479 h 7534754"/>
              <a:gd name="connsiteX123" fmla="*/ 3818520 w 3845787"/>
              <a:gd name="connsiteY123" fmla="*/ 4069470 h 7534754"/>
              <a:gd name="connsiteX124" fmla="*/ 3713566 w 3845787"/>
              <a:gd name="connsiteY124" fmla="*/ 4257687 h 7534754"/>
              <a:gd name="connsiteX125" fmla="*/ 3685947 w 3845787"/>
              <a:gd name="connsiteY125" fmla="*/ 4235705 h 7534754"/>
              <a:gd name="connsiteX126" fmla="*/ 3785376 w 3845787"/>
              <a:gd name="connsiteY126" fmla="*/ 4058479 h 7534754"/>
              <a:gd name="connsiteX127" fmla="*/ 3796041 w 3845787"/>
              <a:gd name="connsiteY127" fmla="*/ 3649601 h 7534754"/>
              <a:gd name="connsiteX128" fmla="*/ 3845787 w 3845787"/>
              <a:gd name="connsiteY128" fmla="*/ 3859539 h 7534754"/>
              <a:gd name="connsiteX129" fmla="*/ 3811033 w 3845787"/>
              <a:gd name="connsiteY129" fmla="*/ 3860920 h 7534754"/>
              <a:gd name="connsiteX130" fmla="*/ 3764694 w 3845787"/>
              <a:gd name="connsiteY130" fmla="*/ 3664103 h 7534754"/>
              <a:gd name="connsiteX131" fmla="*/ 3496654 w 3845787"/>
              <a:gd name="connsiteY131" fmla="*/ 3349757 h 7534754"/>
              <a:gd name="connsiteX132" fmla="*/ 3673153 w 3845787"/>
              <a:gd name="connsiteY132" fmla="*/ 3469199 h 7534754"/>
              <a:gd name="connsiteX133" fmla="*/ 3648620 w 3845787"/>
              <a:gd name="connsiteY133" fmla="*/ 3494453 h 7534754"/>
              <a:gd name="connsiteX134" fmla="*/ 3483024 w 3845787"/>
              <a:gd name="connsiteY134" fmla="*/ 3381153 h 7534754"/>
              <a:gd name="connsiteX135" fmla="*/ 3077176 w 3845787"/>
              <a:gd name="connsiteY135" fmla="*/ 3301298 h 7534754"/>
              <a:gd name="connsiteX136" fmla="*/ 3264406 w 3845787"/>
              <a:gd name="connsiteY136" fmla="*/ 3301298 h 7534754"/>
              <a:gd name="connsiteX137" fmla="*/ 3288498 w 3845787"/>
              <a:gd name="connsiteY137" fmla="*/ 3301298 h 7534754"/>
              <a:gd name="connsiteX138" fmla="*/ 3287121 w 3845787"/>
              <a:gd name="connsiteY138" fmla="*/ 3336944 h 7534754"/>
              <a:gd name="connsiteX139" fmla="*/ 3264406 w 3845787"/>
              <a:gd name="connsiteY139" fmla="*/ 3336245 h 7534754"/>
              <a:gd name="connsiteX140" fmla="*/ 3077176 w 3845787"/>
              <a:gd name="connsiteY140" fmla="*/ 3336245 h 7534754"/>
              <a:gd name="connsiteX141" fmla="*/ 2656186 w 3845787"/>
              <a:gd name="connsiteY141" fmla="*/ 3301298 h 7534754"/>
              <a:gd name="connsiteX142" fmla="*/ 2867506 w 3845787"/>
              <a:gd name="connsiteY142" fmla="*/ 3301298 h 7534754"/>
              <a:gd name="connsiteX143" fmla="*/ 2867506 w 3845787"/>
              <a:gd name="connsiteY143" fmla="*/ 3336930 h 7534754"/>
              <a:gd name="connsiteX144" fmla="*/ 2656186 w 3845787"/>
              <a:gd name="connsiteY144" fmla="*/ 3336930 h 7534754"/>
              <a:gd name="connsiteX145" fmla="*/ 2238223 w 3845787"/>
              <a:gd name="connsiteY145" fmla="*/ 3301298 h 7534754"/>
              <a:gd name="connsiteX146" fmla="*/ 2449543 w 3845787"/>
              <a:gd name="connsiteY146" fmla="*/ 3301298 h 7534754"/>
              <a:gd name="connsiteX147" fmla="*/ 2449543 w 3845787"/>
              <a:gd name="connsiteY147" fmla="*/ 3336930 h 7534754"/>
              <a:gd name="connsiteX148" fmla="*/ 2238223 w 3845787"/>
              <a:gd name="connsiteY148" fmla="*/ 3336930 h 7534754"/>
              <a:gd name="connsiteX149" fmla="*/ 1817229 w 3845787"/>
              <a:gd name="connsiteY149" fmla="*/ 3301298 h 7534754"/>
              <a:gd name="connsiteX150" fmla="*/ 2025528 w 3845787"/>
              <a:gd name="connsiteY150" fmla="*/ 3301298 h 7534754"/>
              <a:gd name="connsiteX151" fmla="*/ 2025528 w 3845787"/>
              <a:gd name="connsiteY151" fmla="*/ 3336930 h 7534754"/>
              <a:gd name="connsiteX152" fmla="*/ 1817229 w 3845787"/>
              <a:gd name="connsiteY152" fmla="*/ 3336930 h 7534754"/>
              <a:gd name="connsiteX153" fmla="*/ 1399268 w 3845787"/>
              <a:gd name="connsiteY153" fmla="*/ 3301298 h 7534754"/>
              <a:gd name="connsiteX154" fmla="*/ 1610587 w 3845787"/>
              <a:gd name="connsiteY154" fmla="*/ 3301298 h 7534754"/>
              <a:gd name="connsiteX155" fmla="*/ 1610587 w 3845787"/>
              <a:gd name="connsiteY155" fmla="*/ 3336930 h 7534754"/>
              <a:gd name="connsiteX156" fmla="*/ 1399268 w 3845787"/>
              <a:gd name="connsiteY156" fmla="*/ 3336930 h 7534754"/>
              <a:gd name="connsiteX157" fmla="*/ 978278 w 3845787"/>
              <a:gd name="connsiteY157" fmla="*/ 3301298 h 7534754"/>
              <a:gd name="connsiteX158" fmla="*/ 1189597 w 3845787"/>
              <a:gd name="connsiteY158" fmla="*/ 3301298 h 7534754"/>
              <a:gd name="connsiteX159" fmla="*/ 1189597 w 3845787"/>
              <a:gd name="connsiteY159" fmla="*/ 3336930 h 7534754"/>
              <a:gd name="connsiteX160" fmla="*/ 978278 w 3845787"/>
              <a:gd name="connsiteY160" fmla="*/ 3336930 h 7534754"/>
              <a:gd name="connsiteX161" fmla="*/ 559350 w 3845787"/>
              <a:gd name="connsiteY161" fmla="*/ 3301298 h 7534754"/>
              <a:gd name="connsiteX162" fmla="*/ 584819 w 3845787"/>
              <a:gd name="connsiteY162" fmla="*/ 3301997 h 7534754"/>
              <a:gd name="connsiteX163" fmla="*/ 768606 w 3845787"/>
              <a:gd name="connsiteY163" fmla="*/ 3301997 h 7534754"/>
              <a:gd name="connsiteX164" fmla="*/ 768606 w 3845787"/>
              <a:gd name="connsiteY164" fmla="*/ 3336944 h 7534754"/>
              <a:gd name="connsiteX165" fmla="*/ 584819 w 3845787"/>
              <a:gd name="connsiteY165" fmla="*/ 3336944 h 7534754"/>
              <a:gd name="connsiteX166" fmla="*/ 557285 w 3845787"/>
              <a:gd name="connsiteY166" fmla="*/ 3336944 h 7534754"/>
              <a:gd name="connsiteX167" fmla="*/ 194142 w 3845787"/>
              <a:gd name="connsiteY167" fmla="*/ 3140775 h 7534754"/>
              <a:gd name="connsiteX168" fmla="*/ 359738 w 3845787"/>
              <a:gd name="connsiteY168" fmla="*/ 3256589 h 7534754"/>
              <a:gd name="connsiteX169" fmla="*/ 345428 w 3845787"/>
              <a:gd name="connsiteY169" fmla="*/ 3288489 h 7534754"/>
              <a:gd name="connsiteX170" fmla="*/ 169610 w 3845787"/>
              <a:gd name="connsiteY170" fmla="*/ 3165741 h 7534754"/>
              <a:gd name="connsiteX171" fmla="*/ 35049 w 3845787"/>
              <a:gd name="connsiteY171" fmla="*/ 2777331 h 7534754"/>
              <a:gd name="connsiteX172" fmla="*/ 81091 w 3845787"/>
              <a:gd name="connsiteY172" fmla="*/ 2974886 h 7534754"/>
              <a:gd name="connsiteX173" fmla="*/ 48792 w 3845787"/>
              <a:gd name="connsiteY173" fmla="*/ 2988653 h 7534754"/>
              <a:gd name="connsiteX174" fmla="*/ 2 w 3845787"/>
              <a:gd name="connsiteY174" fmla="*/ 2778708 h 7534754"/>
              <a:gd name="connsiteX175" fmla="*/ 135386 w 3845787"/>
              <a:gd name="connsiteY175" fmla="*/ 2377540 h 7534754"/>
              <a:gd name="connsiteX176" fmla="*/ 162863 w 3845787"/>
              <a:gd name="connsiteY176" fmla="*/ 2400895 h 7534754"/>
              <a:gd name="connsiteX177" fmla="*/ 63259 w 3845787"/>
              <a:gd name="connsiteY177" fmla="*/ 2576748 h 7534754"/>
              <a:gd name="connsiteX178" fmla="*/ 30287 w 3845787"/>
              <a:gd name="connsiteY178" fmla="*/ 2565757 h 7534754"/>
              <a:gd name="connsiteX179" fmla="*/ 135386 w 3845787"/>
              <a:gd name="connsiteY179" fmla="*/ 2377540 h 7534754"/>
              <a:gd name="connsiteX180" fmla="*/ 504028 w 3845787"/>
              <a:gd name="connsiteY180" fmla="*/ 2171586 h 7534754"/>
              <a:gd name="connsiteX181" fmla="*/ 508140 w 3845787"/>
              <a:gd name="connsiteY181" fmla="*/ 2206291 h 7534754"/>
              <a:gd name="connsiteX182" fmla="*/ 316974 w 3845787"/>
              <a:gd name="connsiteY182" fmla="*/ 2270841 h 7534754"/>
              <a:gd name="connsiteX183" fmla="*/ 299845 w 3845787"/>
              <a:gd name="connsiteY183" fmla="*/ 2239607 h 7534754"/>
              <a:gd name="connsiteX184" fmla="*/ 504028 w 3845787"/>
              <a:gd name="connsiteY184" fmla="*/ 2171586 h 7534754"/>
              <a:gd name="connsiteX185" fmla="*/ 1138799 w 3845787"/>
              <a:gd name="connsiteY185" fmla="*/ 2168558 h 7534754"/>
              <a:gd name="connsiteX186" fmla="*/ 1350118 w 3845787"/>
              <a:gd name="connsiteY186" fmla="*/ 2168558 h 7534754"/>
              <a:gd name="connsiteX187" fmla="*/ 1350118 w 3845787"/>
              <a:gd name="connsiteY187" fmla="*/ 2204204 h 7534754"/>
              <a:gd name="connsiteX188" fmla="*/ 1138799 w 3845787"/>
              <a:gd name="connsiteY188" fmla="*/ 2204204 h 7534754"/>
              <a:gd name="connsiteX189" fmla="*/ 717808 w 3845787"/>
              <a:gd name="connsiteY189" fmla="*/ 2168558 h 7534754"/>
              <a:gd name="connsiteX190" fmla="*/ 926105 w 3845787"/>
              <a:gd name="connsiteY190" fmla="*/ 2168558 h 7534754"/>
              <a:gd name="connsiteX191" fmla="*/ 926105 w 3845787"/>
              <a:gd name="connsiteY191" fmla="*/ 2204204 h 7534754"/>
              <a:gd name="connsiteX192" fmla="*/ 717808 w 3845787"/>
              <a:gd name="connsiteY192" fmla="*/ 2204204 h 7534754"/>
              <a:gd name="connsiteX193" fmla="*/ 1721301 w 3845787"/>
              <a:gd name="connsiteY193" fmla="*/ 2029240 h 7534754"/>
              <a:gd name="connsiteX194" fmla="*/ 1743858 w 3845787"/>
              <a:gd name="connsiteY194" fmla="*/ 2055135 h 7534754"/>
              <a:gd name="connsiteX195" fmla="*/ 1559980 w 3845787"/>
              <a:gd name="connsiteY195" fmla="*/ 2164849 h 7534754"/>
              <a:gd name="connsiteX196" fmla="*/ 1547676 w 3845787"/>
              <a:gd name="connsiteY196" fmla="*/ 2132139 h 7534754"/>
              <a:gd name="connsiteX197" fmla="*/ 1721301 w 3845787"/>
              <a:gd name="connsiteY197" fmla="*/ 2029240 h 7534754"/>
              <a:gd name="connsiteX198" fmla="*/ 1902908 w 3845787"/>
              <a:gd name="connsiteY198" fmla="*/ 1677908 h 7534754"/>
              <a:gd name="connsiteX199" fmla="*/ 1937682 w 3845787"/>
              <a:gd name="connsiteY199" fmla="*/ 1681323 h 7534754"/>
              <a:gd name="connsiteX200" fmla="*/ 1875784 w 3845787"/>
              <a:gd name="connsiteY200" fmla="*/ 1886205 h 7534754"/>
              <a:gd name="connsiteX201" fmla="*/ 1844488 w 3845787"/>
              <a:gd name="connsiteY201" fmla="*/ 1869815 h 7534754"/>
              <a:gd name="connsiteX202" fmla="*/ 1902908 w 3845787"/>
              <a:gd name="connsiteY202" fmla="*/ 1677908 h 7534754"/>
              <a:gd name="connsiteX203" fmla="*/ 1908090 w 3845787"/>
              <a:gd name="connsiteY203" fmla="*/ 1259945 h 7534754"/>
              <a:gd name="connsiteX204" fmla="*/ 1943723 w 3845787"/>
              <a:gd name="connsiteY204" fmla="*/ 1259945 h 7534754"/>
              <a:gd name="connsiteX205" fmla="*/ 1943723 w 3845787"/>
              <a:gd name="connsiteY205" fmla="*/ 1471265 h 7534754"/>
              <a:gd name="connsiteX206" fmla="*/ 1908090 w 3845787"/>
              <a:gd name="connsiteY206" fmla="*/ 1471265 h 7534754"/>
              <a:gd name="connsiteX207" fmla="*/ 1908090 w 3845787"/>
              <a:gd name="connsiteY207" fmla="*/ 838953 h 7534754"/>
              <a:gd name="connsiteX208" fmla="*/ 1943723 w 3845787"/>
              <a:gd name="connsiteY208" fmla="*/ 838953 h 7534754"/>
              <a:gd name="connsiteX209" fmla="*/ 1943723 w 3845787"/>
              <a:gd name="connsiteY209" fmla="*/ 1050273 h 7534754"/>
              <a:gd name="connsiteX210" fmla="*/ 1908090 w 3845787"/>
              <a:gd name="connsiteY210" fmla="*/ 1050273 h 7534754"/>
              <a:gd name="connsiteX211" fmla="*/ 1908090 w 3845787"/>
              <a:gd name="connsiteY211" fmla="*/ 417962 h 7534754"/>
              <a:gd name="connsiteX212" fmla="*/ 1943723 w 3845787"/>
              <a:gd name="connsiteY212" fmla="*/ 417962 h 7534754"/>
              <a:gd name="connsiteX213" fmla="*/ 1943723 w 3845787"/>
              <a:gd name="connsiteY213" fmla="*/ 629282 h 7534754"/>
              <a:gd name="connsiteX214" fmla="*/ 1908090 w 3845787"/>
              <a:gd name="connsiteY214" fmla="*/ 629282 h 7534754"/>
              <a:gd name="connsiteX215" fmla="*/ 1908090 w 3845787"/>
              <a:gd name="connsiteY215" fmla="*/ 0 h 7534754"/>
              <a:gd name="connsiteX216" fmla="*/ 1943723 w 3845787"/>
              <a:gd name="connsiteY216" fmla="*/ 0 h 7534754"/>
              <a:gd name="connsiteX217" fmla="*/ 1943723 w 3845787"/>
              <a:gd name="connsiteY217" fmla="*/ 211320 h 7534754"/>
              <a:gd name="connsiteX218" fmla="*/ 1908090 w 3845787"/>
              <a:gd name="connsiteY218" fmla="*/ 211320 h 7534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Lst>
            <a:rect l="l" t="t" r="r" b="b"/>
            <a:pathLst>
              <a:path w="3845787" h="7534754">
                <a:moveTo>
                  <a:pt x="1902033" y="7323434"/>
                </a:moveTo>
                <a:lnTo>
                  <a:pt x="1937679" y="7323434"/>
                </a:lnTo>
                <a:lnTo>
                  <a:pt x="1937679" y="7534754"/>
                </a:lnTo>
                <a:lnTo>
                  <a:pt x="1902033" y="7534754"/>
                </a:lnTo>
                <a:close/>
                <a:moveTo>
                  <a:pt x="2031274" y="6923643"/>
                </a:moveTo>
                <a:lnTo>
                  <a:pt x="2058837" y="6945474"/>
                </a:lnTo>
                <a:cubicBezTo>
                  <a:pt x="2015426" y="6998689"/>
                  <a:pt x="1983729" y="7058043"/>
                  <a:pt x="1963057" y="7122856"/>
                </a:cubicBezTo>
                <a:lnTo>
                  <a:pt x="1929292" y="7112622"/>
                </a:lnTo>
                <a:cubicBezTo>
                  <a:pt x="1951342" y="7043716"/>
                  <a:pt x="1985796" y="6980268"/>
                  <a:pt x="2031274" y="6923643"/>
                </a:cubicBezTo>
                <a:close/>
                <a:moveTo>
                  <a:pt x="2395606" y="6711633"/>
                </a:moveTo>
                <a:lnTo>
                  <a:pt x="2401087" y="6746880"/>
                </a:lnTo>
                <a:cubicBezTo>
                  <a:pt x="2333939" y="6757246"/>
                  <a:pt x="2269531" y="6780053"/>
                  <a:pt x="2210605" y="6813918"/>
                </a:cubicBezTo>
                <a:lnTo>
                  <a:pt x="2192790" y="6784200"/>
                </a:lnTo>
                <a:cubicBezTo>
                  <a:pt x="2255827" y="6746880"/>
                  <a:pt x="2323661" y="6722691"/>
                  <a:pt x="2395606" y="6711633"/>
                </a:cubicBezTo>
                <a:close/>
                <a:moveTo>
                  <a:pt x="3028715" y="6702544"/>
                </a:moveTo>
                <a:lnTo>
                  <a:pt x="3237014" y="6702544"/>
                </a:lnTo>
                <a:lnTo>
                  <a:pt x="3237014" y="6738190"/>
                </a:lnTo>
                <a:lnTo>
                  <a:pt x="3028715" y="6738190"/>
                </a:lnTo>
                <a:close/>
                <a:moveTo>
                  <a:pt x="2607726" y="6702544"/>
                </a:moveTo>
                <a:lnTo>
                  <a:pt x="2819046" y="6702544"/>
                </a:lnTo>
                <a:lnTo>
                  <a:pt x="2819046" y="6738190"/>
                </a:lnTo>
                <a:lnTo>
                  <a:pt x="2607726" y="6738190"/>
                </a:lnTo>
                <a:close/>
                <a:moveTo>
                  <a:pt x="3617162" y="6575338"/>
                </a:moveTo>
                <a:lnTo>
                  <a:pt x="3639830" y="6602267"/>
                </a:lnTo>
                <a:cubicBezTo>
                  <a:pt x="3583503" y="6649219"/>
                  <a:pt x="3520992" y="6685124"/>
                  <a:pt x="3451613" y="6707910"/>
                </a:cubicBezTo>
                <a:lnTo>
                  <a:pt x="3440622" y="6674767"/>
                </a:lnTo>
                <a:cubicBezTo>
                  <a:pt x="3505193" y="6652672"/>
                  <a:pt x="3564956" y="6619529"/>
                  <a:pt x="3617162" y="6575338"/>
                </a:cubicBezTo>
                <a:close/>
                <a:moveTo>
                  <a:pt x="3810378" y="6227039"/>
                </a:moveTo>
                <a:lnTo>
                  <a:pt x="3845776" y="6231835"/>
                </a:lnTo>
                <a:cubicBezTo>
                  <a:pt x="3835365" y="6303779"/>
                  <a:pt x="3812460" y="6372297"/>
                  <a:pt x="3777062" y="6435334"/>
                </a:cubicBezTo>
                <a:lnTo>
                  <a:pt x="3746523" y="6418889"/>
                </a:lnTo>
                <a:cubicBezTo>
                  <a:pt x="3779839" y="6359279"/>
                  <a:pt x="3801355" y="6294872"/>
                  <a:pt x="3810378" y="6227039"/>
                </a:cubicBezTo>
                <a:close/>
                <a:moveTo>
                  <a:pt x="3745764" y="5821189"/>
                </a:moveTo>
                <a:cubicBezTo>
                  <a:pt x="3786968" y="5881115"/>
                  <a:pt x="3816498" y="5947240"/>
                  <a:pt x="3833666" y="6018187"/>
                </a:cubicBezTo>
                <a:lnTo>
                  <a:pt x="3799329" y="6026453"/>
                </a:lnTo>
                <a:cubicBezTo>
                  <a:pt x="3783534" y="5960328"/>
                  <a:pt x="3755378" y="5897646"/>
                  <a:pt x="3716234" y="5841164"/>
                </a:cubicBezTo>
                <a:close/>
                <a:moveTo>
                  <a:pt x="3393655" y="5584951"/>
                </a:moveTo>
                <a:cubicBezTo>
                  <a:pt x="3465052" y="5600707"/>
                  <a:pt x="3530957" y="5629480"/>
                  <a:pt x="3591369" y="5670584"/>
                </a:cubicBezTo>
                <a:lnTo>
                  <a:pt x="3571461" y="5699357"/>
                </a:lnTo>
                <a:cubicBezTo>
                  <a:pt x="3515167" y="5660993"/>
                  <a:pt x="3452695" y="5633590"/>
                  <a:pt x="3386103" y="5618519"/>
                </a:cubicBezTo>
                <a:close/>
                <a:moveTo>
                  <a:pt x="2971172" y="5569805"/>
                </a:moveTo>
                <a:lnTo>
                  <a:pt x="3182492" y="5569805"/>
                </a:lnTo>
                <a:lnTo>
                  <a:pt x="3182492" y="5605451"/>
                </a:lnTo>
                <a:lnTo>
                  <a:pt x="2971172" y="5605451"/>
                </a:lnTo>
                <a:close/>
                <a:moveTo>
                  <a:pt x="2550180" y="5569805"/>
                </a:moveTo>
                <a:lnTo>
                  <a:pt x="2761500" y="5569805"/>
                </a:lnTo>
                <a:lnTo>
                  <a:pt x="2761500" y="5605451"/>
                </a:lnTo>
                <a:lnTo>
                  <a:pt x="2550180" y="5605451"/>
                </a:lnTo>
                <a:close/>
                <a:moveTo>
                  <a:pt x="2132217" y="5569805"/>
                </a:moveTo>
                <a:lnTo>
                  <a:pt x="2343537" y="5569805"/>
                </a:lnTo>
                <a:lnTo>
                  <a:pt x="2343537" y="5605451"/>
                </a:lnTo>
                <a:lnTo>
                  <a:pt x="2132217" y="5605451"/>
                </a:lnTo>
                <a:close/>
                <a:moveTo>
                  <a:pt x="1711227" y="5569805"/>
                </a:moveTo>
                <a:lnTo>
                  <a:pt x="1922547" y="5569805"/>
                </a:lnTo>
                <a:lnTo>
                  <a:pt x="1922547" y="5605451"/>
                </a:lnTo>
                <a:lnTo>
                  <a:pt x="1711227" y="5605451"/>
                </a:lnTo>
                <a:close/>
                <a:moveTo>
                  <a:pt x="1293264" y="5569805"/>
                </a:moveTo>
                <a:lnTo>
                  <a:pt x="1501561" y="5569805"/>
                </a:lnTo>
                <a:lnTo>
                  <a:pt x="1501561" y="5605451"/>
                </a:lnTo>
                <a:lnTo>
                  <a:pt x="1293264" y="5605451"/>
                </a:lnTo>
                <a:close/>
                <a:moveTo>
                  <a:pt x="872272" y="5569805"/>
                </a:moveTo>
                <a:lnTo>
                  <a:pt x="1083591" y="5569805"/>
                </a:lnTo>
                <a:lnTo>
                  <a:pt x="1083591" y="5605451"/>
                </a:lnTo>
                <a:lnTo>
                  <a:pt x="872272" y="5605451"/>
                </a:lnTo>
                <a:close/>
                <a:moveTo>
                  <a:pt x="456548" y="5554664"/>
                </a:moveTo>
                <a:cubicBezTo>
                  <a:pt x="498035" y="5564538"/>
                  <a:pt x="540905" y="5569475"/>
                  <a:pt x="584466" y="5569475"/>
                </a:cubicBezTo>
                <a:lnTo>
                  <a:pt x="662599" y="5569475"/>
                </a:lnTo>
                <a:lnTo>
                  <a:pt x="662599" y="5605445"/>
                </a:lnTo>
                <a:lnTo>
                  <a:pt x="584466" y="5605445"/>
                </a:lnTo>
                <a:cubicBezTo>
                  <a:pt x="538139" y="5605445"/>
                  <a:pt x="492503" y="5600508"/>
                  <a:pt x="448251" y="5589224"/>
                </a:cubicBezTo>
                <a:close/>
                <a:moveTo>
                  <a:pt x="129407" y="5327507"/>
                </a:moveTo>
                <a:cubicBezTo>
                  <a:pt x="167771" y="5383683"/>
                  <a:pt x="215725" y="5432323"/>
                  <a:pt x="271901" y="5470687"/>
                </a:cubicBezTo>
                <a:lnTo>
                  <a:pt x="252034" y="5499460"/>
                </a:lnTo>
                <a:cubicBezTo>
                  <a:pt x="192433" y="5458355"/>
                  <a:pt x="141739" y="5406975"/>
                  <a:pt x="99950" y="5347374"/>
                </a:cubicBezTo>
                <a:close/>
                <a:moveTo>
                  <a:pt x="6348" y="4936804"/>
                </a:moveTo>
                <a:lnTo>
                  <a:pt x="41614" y="4941598"/>
                </a:lnTo>
                <a:cubicBezTo>
                  <a:pt x="38088" y="4967621"/>
                  <a:pt x="35972" y="4992960"/>
                  <a:pt x="35972" y="5018984"/>
                </a:cubicBezTo>
                <a:cubicBezTo>
                  <a:pt x="35972" y="5061444"/>
                  <a:pt x="40909" y="5103219"/>
                  <a:pt x="50783" y="5142939"/>
                </a:cubicBezTo>
                <a:lnTo>
                  <a:pt x="15517" y="5151157"/>
                </a:lnTo>
                <a:cubicBezTo>
                  <a:pt x="5642" y="5108012"/>
                  <a:pt x="0" y="5064183"/>
                  <a:pt x="0" y="5018984"/>
                </a:cubicBezTo>
                <a:cubicBezTo>
                  <a:pt x="0" y="4991591"/>
                  <a:pt x="2116" y="4964197"/>
                  <a:pt x="6348" y="4936804"/>
                </a:cubicBezTo>
                <a:close/>
                <a:moveTo>
                  <a:pt x="213603" y="4567303"/>
                </a:moveTo>
                <a:lnTo>
                  <a:pt x="235555" y="4594289"/>
                </a:lnTo>
                <a:cubicBezTo>
                  <a:pt x="182734" y="4638574"/>
                  <a:pt x="139517" y="4691162"/>
                  <a:pt x="105903" y="4751362"/>
                </a:cubicBezTo>
                <a:lnTo>
                  <a:pt x="75720" y="4733371"/>
                </a:lnTo>
                <a:cubicBezTo>
                  <a:pt x="111391" y="4669712"/>
                  <a:pt x="157352" y="4613663"/>
                  <a:pt x="213603" y="4567303"/>
                </a:cubicBezTo>
                <a:close/>
                <a:moveTo>
                  <a:pt x="584408" y="4434039"/>
                </a:moveTo>
                <a:lnTo>
                  <a:pt x="614140" y="4434039"/>
                </a:lnTo>
                <a:lnTo>
                  <a:pt x="614140" y="4469684"/>
                </a:lnTo>
                <a:lnTo>
                  <a:pt x="584408" y="4469684"/>
                </a:lnTo>
                <a:cubicBezTo>
                  <a:pt x="524944" y="4469684"/>
                  <a:pt x="466171" y="4478770"/>
                  <a:pt x="410855" y="4496942"/>
                </a:cubicBezTo>
                <a:lnTo>
                  <a:pt x="399792" y="4463394"/>
                </a:lnTo>
                <a:cubicBezTo>
                  <a:pt x="459256" y="4443824"/>
                  <a:pt x="520795" y="4434039"/>
                  <a:pt x="584408" y="4434039"/>
                </a:cubicBezTo>
                <a:close/>
                <a:moveTo>
                  <a:pt x="2922713" y="4434037"/>
                </a:moveTo>
                <a:lnTo>
                  <a:pt x="3134033" y="4434037"/>
                </a:lnTo>
                <a:lnTo>
                  <a:pt x="3134033" y="4469683"/>
                </a:lnTo>
                <a:lnTo>
                  <a:pt x="2922713" y="4469683"/>
                </a:lnTo>
                <a:close/>
                <a:moveTo>
                  <a:pt x="2501720" y="4434037"/>
                </a:moveTo>
                <a:lnTo>
                  <a:pt x="2713040" y="4434037"/>
                </a:lnTo>
                <a:lnTo>
                  <a:pt x="2713040" y="4469683"/>
                </a:lnTo>
                <a:lnTo>
                  <a:pt x="2501720" y="4469683"/>
                </a:lnTo>
                <a:close/>
                <a:moveTo>
                  <a:pt x="2083758" y="4434037"/>
                </a:moveTo>
                <a:lnTo>
                  <a:pt x="2295078" y="4434037"/>
                </a:lnTo>
                <a:lnTo>
                  <a:pt x="2295078" y="4469683"/>
                </a:lnTo>
                <a:lnTo>
                  <a:pt x="2083758" y="4469683"/>
                </a:lnTo>
                <a:close/>
                <a:moveTo>
                  <a:pt x="1662767" y="4434037"/>
                </a:moveTo>
                <a:lnTo>
                  <a:pt x="1874086" y="4434037"/>
                </a:lnTo>
                <a:lnTo>
                  <a:pt x="1874086" y="4469683"/>
                </a:lnTo>
                <a:lnTo>
                  <a:pt x="1662767" y="4469683"/>
                </a:lnTo>
                <a:close/>
                <a:moveTo>
                  <a:pt x="1244805" y="4434037"/>
                </a:moveTo>
                <a:lnTo>
                  <a:pt x="1456124" y="4434037"/>
                </a:lnTo>
                <a:lnTo>
                  <a:pt x="1456124" y="4469683"/>
                </a:lnTo>
                <a:lnTo>
                  <a:pt x="1244805" y="4469683"/>
                </a:lnTo>
                <a:close/>
                <a:moveTo>
                  <a:pt x="823810" y="4434037"/>
                </a:moveTo>
                <a:lnTo>
                  <a:pt x="1032109" y="4434037"/>
                </a:lnTo>
                <a:lnTo>
                  <a:pt x="1032109" y="4469683"/>
                </a:lnTo>
                <a:lnTo>
                  <a:pt x="823810" y="4469683"/>
                </a:lnTo>
                <a:close/>
                <a:moveTo>
                  <a:pt x="3531841" y="4364376"/>
                </a:moveTo>
                <a:lnTo>
                  <a:pt x="3548970" y="4395394"/>
                </a:lnTo>
                <a:cubicBezTo>
                  <a:pt x="3485933" y="4430549"/>
                  <a:pt x="3417415" y="4453985"/>
                  <a:pt x="3345472" y="4463635"/>
                </a:cubicBezTo>
                <a:lnTo>
                  <a:pt x="3340675" y="4429170"/>
                </a:lnTo>
                <a:cubicBezTo>
                  <a:pt x="3407823" y="4419520"/>
                  <a:pt x="3472915" y="4398152"/>
                  <a:pt x="3531841" y="4364376"/>
                </a:cubicBezTo>
                <a:close/>
                <a:moveTo>
                  <a:pt x="3785376" y="4058479"/>
                </a:moveTo>
                <a:lnTo>
                  <a:pt x="3818520" y="4069470"/>
                </a:lnTo>
                <a:cubicBezTo>
                  <a:pt x="3795734" y="4138849"/>
                  <a:pt x="3760519" y="4201359"/>
                  <a:pt x="3713566" y="4257687"/>
                </a:cubicBezTo>
                <a:lnTo>
                  <a:pt x="3685947" y="4235705"/>
                </a:lnTo>
                <a:cubicBezTo>
                  <a:pt x="3730138" y="4182812"/>
                  <a:pt x="3763971" y="4123050"/>
                  <a:pt x="3785376" y="4058479"/>
                </a:cubicBezTo>
                <a:close/>
                <a:moveTo>
                  <a:pt x="3796041" y="3649601"/>
                </a:moveTo>
                <a:cubicBezTo>
                  <a:pt x="3826024" y="3715897"/>
                  <a:pt x="3842379" y="3786337"/>
                  <a:pt x="3845787" y="3859539"/>
                </a:cubicBezTo>
                <a:lnTo>
                  <a:pt x="3811033" y="3860920"/>
                </a:lnTo>
                <a:cubicBezTo>
                  <a:pt x="3807625" y="3791862"/>
                  <a:pt x="3791952" y="3726947"/>
                  <a:pt x="3764694" y="3664103"/>
                </a:cubicBezTo>
                <a:close/>
                <a:moveTo>
                  <a:pt x="3496654" y="3349757"/>
                </a:moveTo>
                <a:cubicBezTo>
                  <a:pt x="3562756" y="3377741"/>
                  <a:pt x="3622043" y="3418010"/>
                  <a:pt x="3673153" y="3469199"/>
                </a:cubicBezTo>
                <a:lnTo>
                  <a:pt x="3648620" y="3494453"/>
                </a:lnTo>
                <a:cubicBezTo>
                  <a:pt x="3600917" y="3445993"/>
                  <a:pt x="3544356" y="3408454"/>
                  <a:pt x="3483024" y="3381153"/>
                </a:cubicBezTo>
                <a:close/>
                <a:moveTo>
                  <a:pt x="3077176" y="3301298"/>
                </a:moveTo>
                <a:lnTo>
                  <a:pt x="3264406" y="3301298"/>
                </a:lnTo>
                <a:cubicBezTo>
                  <a:pt x="3272666" y="3301298"/>
                  <a:pt x="3280238" y="3301298"/>
                  <a:pt x="3288498" y="3301298"/>
                </a:cubicBezTo>
                <a:lnTo>
                  <a:pt x="3287121" y="3336944"/>
                </a:lnTo>
                <a:cubicBezTo>
                  <a:pt x="3279549" y="3336944"/>
                  <a:pt x="3271978" y="3336245"/>
                  <a:pt x="3264406" y="3336245"/>
                </a:cubicBezTo>
                <a:lnTo>
                  <a:pt x="3077176" y="3336245"/>
                </a:lnTo>
                <a:close/>
                <a:moveTo>
                  <a:pt x="2656186" y="3301298"/>
                </a:moveTo>
                <a:lnTo>
                  <a:pt x="2867506" y="3301298"/>
                </a:lnTo>
                <a:lnTo>
                  <a:pt x="2867506" y="3336930"/>
                </a:lnTo>
                <a:lnTo>
                  <a:pt x="2656186" y="3336930"/>
                </a:lnTo>
                <a:close/>
                <a:moveTo>
                  <a:pt x="2238223" y="3301298"/>
                </a:moveTo>
                <a:lnTo>
                  <a:pt x="2449543" y="3301298"/>
                </a:lnTo>
                <a:lnTo>
                  <a:pt x="2449543" y="3336930"/>
                </a:lnTo>
                <a:lnTo>
                  <a:pt x="2238223" y="3336930"/>
                </a:lnTo>
                <a:close/>
                <a:moveTo>
                  <a:pt x="1817229" y="3301298"/>
                </a:moveTo>
                <a:lnTo>
                  <a:pt x="2025528" y="3301298"/>
                </a:lnTo>
                <a:lnTo>
                  <a:pt x="2025528" y="3336930"/>
                </a:lnTo>
                <a:lnTo>
                  <a:pt x="1817229" y="3336930"/>
                </a:lnTo>
                <a:close/>
                <a:moveTo>
                  <a:pt x="1399268" y="3301298"/>
                </a:moveTo>
                <a:lnTo>
                  <a:pt x="1610587" y="3301298"/>
                </a:lnTo>
                <a:lnTo>
                  <a:pt x="1610587" y="3336930"/>
                </a:lnTo>
                <a:lnTo>
                  <a:pt x="1399268" y="3336930"/>
                </a:lnTo>
                <a:close/>
                <a:moveTo>
                  <a:pt x="978278" y="3301298"/>
                </a:moveTo>
                <a:lnTo>
                  <a:pt x="1189597" y="3301298"/>
                </a:lnTo>
                <a:lnTo>
                  <a:pt x="1189597" y="3336930"/>
                </a:lnTo>
                <a:lnTo>
                  <a:pt x="978278" y="3336930"/>
                </a:lnTo>
                <a:close/>
                <a:moveTo>
                  <a:pt x="559350" y="3301298"/>
                </a:moveTo>
                <a:cubicBezTo>
                  <a:pt x="567610" y="3301997"/>
                  <a:pt x="575870" y="3301997"/>
                  <a:pt x="584819" y="3301997"/>
                </a:cubicBezTo>
                <a:lnTo>
                  <a:pt x="768606" y="3301997"/>
                </a:lnTo>
                <a:lnTo>
                  <a:pt x="768606" y="3336944"/>
                </a:lnTo>
                <a:lnTo>
                  <a:pt x="584819" y="3336944"/>
                </a:lnTo>
                <a:cubicBezTo>
                  <a:pt x="575182" y="3336944"/>
                  <a:pt x="566233" y="3336944"/>
                  <a:pt x="557285" y="3336944"/>
                </a:cubicBezTo>
                <a:close/>
                <a:moveTo>
                  <a:pt x="194142" y="3140775"/>
                </a:moveTo>
                <a:cubicBezTo>
                  <a:pt x="241845" y="3189320"/>
                  <a:pt x="298407" y="3228156"/>
                  <a:pt x="359738" y="3256589"/>
                </a:cubicBezTo>
                <a:lnTo>
                  <a:pt x="345428" y="3288489"/>
                </a:lnTo>
                <a:cubicBezTo>
                  <a:pt x="280007" y="3258670"/>
                  <a:pt x="220720" y="3217754"/>
                  <a:pt x="169610" y="3165741"/>
                </a:cubicBezTo>
                <a:close/>
                <a:moveTo>
                  <a:pt x="35049" y="2777331"/>
                </a:moveTo>
                <a:cubicBezTo>
                  <a:pt x="37797" y="2845477"/>
                  <a:pt x="52916" y="2912247"/>
                  <a:pt x="81091" y="2974886"/>
                </a:cubicBezTo>
                <a:lnTo>
                  <a:pt x="48792" y="2988653"/>
                </a:lnTo>
                <a:cubicBezTo>
                  <a:pt x="19930" y="2921884"/>
                  <a:pt x="3438" y="2851673"/>
                  <a:pt x="2" y="2778708"/>
                </a:cubicBezTo>
                <a:close/>
                <a:moveTo>
                  <a:pt x="135386" y="2377540"/>
                </a:moveTo>
                <a:lnTo>
                  <a:pt x="162863" y="2400895"/>
                </a:lnTo>
                <a:cubicBezTo>
                  <a:pt x="118213" y="2453102"/>
                  <a:pt x="85241" y="2512177"/>
                  <a:pt x="63259" y="2576748"/>
                </a:cubicBezTo>
                <a:lnTo>
                  <a:pt x="30287" y="2565757"/>
                </a:lnTo>
                <a:cubicBezTo>
                  <a:pt x="52955" y="2496378"/>
                  <a:pt x="88675" y="2433868"/>
                  <a:pt x="135386" y="2377540"/>
                </a:cubicBezTo>
                <a:close/>
                <a:moveTo>
                  <a:pt x="504028" y="2171586"/>
                </a:moveTo>
                <a:lnTo>
                  <a:pt x="508140" y="2206291"/>
                </a:lnTo>
                <a:cubicBezTo>
                  <a:pt x="440992" y="2215314"/>
                  <a:pt x="376585" y="2237525"/>
                  <a:pt x="316974" y="2270841"/>
                </a:cubicBezTo>
                <a:lnTo>
                  <a:pt x="299845" y="2239607"/>
                </a:lnTo>
                <a:cubicBezTo>
                  <a:pt x="363567" y="2204208"/>
                  <a:pt x="432085" y="2181303"/>
                  <a:pt x="504028" y="2171586"/>
                </a:cubicBezTo>
                <a:close/>
                <a:moveTo>
                  <a:pt x="1138799" y="2168558"/>
                </a:moveTo>
                <a:lnTo>
                  <a:pt x="1350118" y="2168558"/>
                </a:lnTo>
                <a:lnTo>
                  <a:pt x="1350118" y="2204204"/>
                </a:lnTo>
                <a:lnTo>
                  <a:pt x="1138799" y="2204204"/>
                </a:lnTo>
                <a:close/>
                <a:moveTo>
                  <a:pt x="717808" y="2168558"/>
                </a:moveTo>
                <a:lnTo>
                  <a:pt x="926105" y="2168558"/>
                </a:lnTo>
                <a:lnTo>
                  <a:pt x="926105" y="2204204"/>
                </a:lnTo>
                <a:lnTo>
                  <a:pt x="717808" y="2204204"/>
                </a:lnTo>
                <a:close/>
                <a:moveTo>
                  <a:pt x="1721301" y="2029240"/>
                </a:moveTo>
                <a:lnTo>
                  <a:pt x="1743858" y="2055135"/>
                </a:lnTo>
                <a:cubicBezTo>
                  <a:pt x="1689857" y="2102836"/>
                  <a:pt x="1627653" y="2139635"/>
                  <a:pt x="1559980" y="2164849"/>
                </a:cubicBezTo>
                <a:lnTo>
                  <a:pt x="1547676" y="2132139"/>
                </a:lnTo>
                <a:cubicBezTo>
                  <a:pt x="1611931" y="2108969"/>
                  <a:pt x="1670033" y="2074215"/>
                  <a:pt x="1721301" y="2029240"/>
                </a:cubicBezTo>
                <a:close/>
                <a:moveTo>
                  <a:pt x="1902908" y="1677908"/>
                </a:moveTo>
                <a:lnTo>
                  <a:pt x="1937682" y="1681323"/>
                </a:lnTo>
                <a:cubicBezTo>
                  <a:pt x="1930032" y="1753032"/>
                  <a:pt x="1909863" y="1822009"/>
                  <a:pt x="1875784" y="1886205"/>
                </a:cubicBezTo>
                <a:lnTo>
                  <a:pt x="1844488" y="1869815"/>
                </a:lnTo>
                <a:cubicBezTo>
                  <a:pt x="1876480" y="1809716"/>
                  <a:pt x="1895953" y="1745520"/>
                  <a:pt x="1902908" y="1677908"/>
                </a:cubicBezTo>
                <a:close/>
                <a:moveTo>
                  <a:pt x="1908090" y="1259945"/>
                </a:moveTo>
                <a:lnTo>
                  <a:pt x="1943723" y="1259945"/>
                </a:lnTo>
                <a:lnTo>
                  <a:pt x="1943723" y="1471265"/>
                </a:lnTo>
                <a:lnTo>
                  <a:pt x="1908090" y="1471265"/>
                </a:lnTo>
                <a:close/>
                <a:moveTo>
                  <a:pt x="1908090" y="838953"/>
                </a:moveTo>
                <a:lnTo>
                  <a:pt x="1943723" y="838953"/>
                </a:lnTo>
                <a:lnTo>
                  <a:pt x="1943723" y="1050273"/>
                </a:lnTo>
                <a:lnTo>
                  <a:pt x="1908090" y="1050273"/>
                </a:lnTo>
                <a:close/>
                <a:moveTo>
                  <a:pt x="1908090" y="417962"/>
                </a:moveTo>
                <a:lnTo>
                  <a:pt x="1943723" y="417962"/>
                </a:lnTo>
                <a:lnTo>
                  <a:pt x="1943723" y="629282"/>
                </a:lnTo>
                <a:lnTo>
                  <a:pt x="1908090" y="629282"/>
                </a:lnTo>
                <a:close/>
                <a:moveTo>
                  <a:pt x="1908090" y="0"/>
                </a:moveTo>
                <a:lnTo>
                  <a:pt x="1943723" y="0"/>
                </a:lnTo>
                <a:lnTo>
                  <a:pt x="1943723" y="211320"/>
                </a:lnTo>
                <a:lnTo>
                  <a:pt x="1908090" y="211320"/>
                </a:lnTo>
                <a:close/>
              </a:path>
            </a:pathLst>
          </a:custGeom>
          <a:solidFill>
            <a:schemeClr val="bg1">
              <a:alpha val="56000"/>
            </a:schemeClr>
          </a:solidFill>
          <a:ln>
            <a:noFill/>
          </a:ln>
          <a:effectLst/>
        </p:spPr>
        <p:txBody>
          <a:bodyPr wrap="square" anchor="ctr">
            <a:noAutofit/>
          </a:bodyP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5" name="Freeform 4">
            <a:extLst>
              <a:ext uri="{FF2B5EF4-FFF2-40B4-BE49-F238E27FC236}">
                <a16:creationId xmlns:a16="http://schemas.microsoft.com/office/drawing/2014/main" id="{A249962E-17F6-1D96-F16E-4B4D5DFB26DD}"/>
              </a:ext>
            </a:extLst>
          </p:cNvPr>
          <p:cNvSpPr>
            <a:spLocks noChangeArrowheads="1"/>
          </p:cNvSpPr>
          <p:nvPr/>
        </p:nvSpPr>
        <p:spPr bwMode="auto">
          <a:xfrm>
            <a:off x="8294840" y="464895"/>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6" name="Freeform 4">
            <a:extLst>
              <a:ext uri="{FF2B5EF4-FFF2-40B4-BE49-F238E27FC236}">
                <a16:creationId xmlns:a16="http://schemas.microsoft.com/office/drawing/2014/main" id="{FE74C294-66D9-B47D-0BDE-6F7121D75996}"/>
              </a:ext>
            </a:extLst>
          </p:cNvPr>
          <p:cNvSpPr>
            <a:spLocks noChangeArrowheads="1"/>
          </p:cNvSpPr>
          <p:nvPr/>
        </p:nvSpPr>
        <p:spPr bwMode="auto">
          <a:xfrm>
            <a:off x="9374116" y="5105446"/>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0" name="Billede 109" descr="Et billede, der indeholder sort, mørke&#10;&#10;AI-genereret indhold kan være ukorrekt.">
            <a:extLst>
              <a:ext uri="{FF2B5EF4-FFF2-40B4-BE49-F238E27FC236}">
                <a16:creationId xmlns:a16="http://schemas.microsoft.com/office/drawing/2014/main" id="{117A3CA3-CD35-D9B7-5705-EB7A400C7FED}"/>
              </a:ext>
            </a:extLst>
          </p:cNvPr>
          <p:cNvPicPr>
            <a:picLocks noChangeAspect="1"/>
          </p:cNvPicPr>
          <p:nvPr/>
        </p:nvPicPr>
        <p:blipFill>
          <a:blip r:embed="rId4" cstate="print">
            <a:lum bright="70000" contrast="-70000"/>
            <a:extLst>
              <a:ext uri="{28A0092B-C50C-407E-A947-70E740481C1C}">
                <a14:useLocalDpi xmlns:a14="http://schemas.microsoft.com/office/drawing/2010/main" val="0"/>
              </a:ext>
            </a:extLst>
          </a:blip>
          <a:stretch>
            <a:fillRect/>
          </a:stretch>
        </p:blipFill>
        <p:spPr>
          <a:xfrm>
            <a:off x="8490156" y="590797"/>
            <a:ext cx="577507" cy="577507"/>
          </a:xfrm>
          <a:prstGeom prst="rect">
            <a:avLst/>
          </a:prstGeom>
          <a:ln w="34925">
            <a:noFill/>
          </a:ln>
        </p:spPr>
      </p:pic>
      <p:pic>
        <p:nvPicPr>
          <p:cNvPr id="118" name="Billede 117" descr="Et billede, der indeholder sort, mørke&#10;&#10;AI-genereret indhold kan være ukorrekt.">
            <a:extLst>
              <a:ext uri="{FF2B5EF4-FFF2-40B4-BE49-F238E27FC236}">
                <a16:creationId xmlns:a16="http://schemas.microsoft.com/office/drawing/2014/main" id="{4904431A-9942-0519-6D3A-D54281A73EC8}"/>
              </a:ext>
            </a:extLst>
          </p:cNvPr>
          <p:cNvPicPr>
            <a:picLocks noChangeAspect="1"/>
          </p:cNvPicPr>
          <p:nvPr/>
        </p:nvPicPr>
        <p:blipFill>
          <a:blip r:embed="rId5" cstate="print">
            <a:lum bright="70000" contrast="-70000"/>
            <a:extLst>
              <a:ext uri="{28A0092B-C50C-407E-A947-70E740481C1C}">
                <a14:useLocalDpi xmlns:a14="http://schemas.microsoft.com/office/drawing/2010/main" val="0"/>
              </a:ext>
            </a:extLst>
          </a:blip>
          <a:stretch>
            <a:fillRect/>
          </a:stretch>
        </p:blipFill>
        <p:spPr>
          <a:xfrm>
            <a:off x="9518921" y="5277982"/>
            <a:ext cx="710317" cy="710317"/>
          </a:xfrm>
          <a:prstGeom prst="rect">
            <a:avLst/>
          </a:prstGeom>
        </p:spPr>
      </p:pic>
      <p:sp>
        <p:nvSpPr>
          <p:cNvPr id="10" name="Freeform 4">
            <a:extLst>
              <a:ext uri="{FF2B5EF4-FFF2-40B4-BE49-F238E27FC236}">
                <a16:creationId xmlns:a16="http://schemas.microsoft.com/office/drawing/2014/main" id="{1BA489E2-571F-0F47-AF8E-3A64B49F9748}"/>
              </a:ext>
            </a:extLst>
          </p:cNvPr>
          <p:cNvSpPr>
            <a:spLocks noChangeArrowheads="1"/>
          </p:cNvSpPr>
          <p:nvPr/>
        </p:nvSpPr>
        <p:spPr bwMode="auto">
          <a:xfrm>
            <a:off x="7156447" y="2078183"/>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 name="Billede 10" descr="Et billede, der indeholder sort, mørke&#10;&#10;AI-genereret indhold kan være ukorrekt.">
            <a:extLst>
              <a:ext uri="{FF2B5EF4-FFF2-40B4-BE49-F238E27FC236}">
                <a16:creationId xmlns:a16="http://schemas.microsoft.com/office/drawing/2014/main" id="{E0900E0F-F812-FB6B-5909-EE3D82DDCFC5}"/>
              </a:ext>
            </a:extLst>
          </p:cNvPr>
          <p:cNvPicPr>
            <a:picLocks noChangeAspect="1"/>
          </p:cNvPicPr>
          <p:nvPr/>
        </p:nvPicPr>
        <p:blipFill>
          <a:blip r:embed="rId6" cstate="print">
            <a:lum bright="70000" contrast="-70000"/>
            <a:extLst>
              <a:ext uri="{28A0092B-C50C-407E-A947-70E740481C1C}">
                <a14:useLocalDpi xmlns:a14="http://schemas.microsoft.com/office/drawing/2010/main" val="0"/>
              </a:ext>
            </a:extLst>
          </a:blip>
          <a:stretch>
            <a:fillRect/>
          </a:stretch>
        </p:blipFill>
        <p:spPr>
          <a:xfrm>
            <a:off x="7292748" y="2230898"/>
            <a:ext cx="636225" cy="636225"/>
          </a:xfrm>
          <a:prstGeom prst="rect">
            <a:avLst/>
          </a:prstGeom>
        </p:spPr>
      </p:pic>
      <p:sp>
        <p:nvSpPr>
          <p:cNvPr id="2" name="Freeform 4">
            <a:extLst>
              <a:ext uri="{FF2B5EF4-FFF2-40B4-BE49-F238E27FC236}">
                <a16:creationId xmlns:a16="http://schemas.microsoft.com/office/drawing/2014/main" id="{10A3FFBA-70CE-5D5E-F6A7-CE896712C1FE}"/>
              </a:ext>
            </a:extLst>
          </p:cNvPr>
          <p:cNvSpPr>
            <a:spLocks noChangeArrowheads="1"/>
          </p:cNvSpPr>
          <p:nvPr/>
        </p:nvSpPr>
        <p:spPr bwMode="auto">
          <a:xfrm>
            <a:off x="9376672" y="3038571"/>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grpSp>
        <p:nvGrpSpPr>
          <p:cNvPr id="3" name="Gruppe 2">
            <a:extLst>
              <a:ext uri="{FF2B5EF4-FFF2-40B4-BE49-F238E27FC236}">
                <a16:creationId xmlns:a16="http://schemas.microsoft.com/office/drawing/2014/main" id="{BC9FBC15-0D44-A4C8-8BEF-008C74BBB694}"/>
              </a:ext>
            </a:extLst>
          </p:cNvPr>
          <p:cNvGrpSpPr/>
          <p:nvPr/>
        </p:nvGrpSpPr>
        <p:grpSpPr>
          <a:xfrm>
            <a:off x="9512202" y="3140854"/>
            <a:ext cx="732373" cy="775330"/>
            <a:chOff x="5893979" y="1530527"/>
            <a:chExt cx="799863" cy="846779"/>
          </a:xfrm>
        </p:grpSpPr>
        <p:pic>
          <p:nvPicPr>
            <p:cNvPr id="5" name="Billede 4" descr="Et billede, der indeholder sort, mørke&#10;&#10;AI-genereret indhold kan være ukorrekt.">
              <a:extLst>
                <a:ext uri="{FF2B5EF4-FFF2-40B4-BE49-F238E27FC236}">
                  <a16:creationId xmlns:a16="http://schemas.microsoft.com/office/drawing/2014/main" id="{B11ED88A-42EB-2EA0-9CF1-7257C91E8453}"/>
                </a:ext>
              </a:extLst>
            </p:cNvPr>
            <p:cNvPicPr>
              <a:picLocks noChangeAspect="1"/>
            </p:cNvPicPr>
            <p:nvPr/>
          </p:nvPicPr>
          <p:blipFill>
            <a:blip r:embed="rId7" cstate="print">
              <a:lum bright="70000" contrast="-70000"/>
              <a:extLst>
                <a:ext uri="{28A0092B-C50C-407E-A947-70E740481C1C}">
                  <a14:useLocalDpi xmlns:a14="http://schemas.microsoft.com/office/drawing/2010/main" val="0"/>
                </a:ext>
              </a:extLst>
            </a:blip>
            <a:stretch>
              <a:fillRect/>
            </a:stretch>
          </p:blipFill>
          <p:spPr>
            <a:xfrm>
              <a:off x="5909303" y="1530527"/>
              <a:ext cx="769215" cy="764666"/>
            </a:xfrm>
            <a:prstGeom prst="rect">
              <a:avLst/>
            </a:prstGeom>
          </p:spPr>
        </p:pic>
        <p:sp>
          <p:nvSpPr>
            <p:cNvPr id="12" name="Blokbue 11">
              <a:extLst>
                <a:ext uri="{FF2B5EF4-FFF2-40B4-BE49-F238E27FC236}">
                  <a16:creationId xmlns:a16="http://schemas.microsoft.com/office/drawing/2014/main" id="{242EE486-A7A7-440C-BD1B-013FE0C7A9EF}"/>
                </a:ext>
              </a:extLst>
            </p:cNvPr>
            <p:cNvSpPr/>
            <p:nvPr/>
          </p:nvSpPr>
          <p:spPr bwMode="auto">
            <a:xfrm rot="10583219">
              <a:off x="5893979" y="1621172"/>
              <a:ext cx="799863" cy="655864"/>
            </a:xfrm>
            <a:prstGeom prst="blockArc">
              <a:avLst>
                <a:gd name="adj1" fmla="val 10187759"/>
                <a:gd name="adj2" fmla="val 1328130"/>
                <a:gd name="adj3" fmla="val 33143"/>
              </a:avLst>
            </a:prstGeom>
            <a:solidFill>
              <a:srgbClr val="102B48"/>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nvGrpSpPr>
            <p:cNvPr id="14" name="Gruppe 13">
              <a:extLst>
                <a:ext uri="{FF2B5EF4-FFF2-40B4-BE49-F238E27FC236}">
                  <a16:creationId xmlns:a16="http://schemas.microsoft.com/office/drawing/2014/main" id="{D424BD12-C68C-A391-3E66-F0EFEDC7547C}"/>
                </a:ext>
              </a:extLst>
            </p:cNvPr>
            <p:cNvGrpSpPr/>
            <p:nvPr/>
          </p:nvGrpSpPr>
          <p:grpSpPr>
            <a:xfrm>
              <a:off x="5958117" y="1993098"/>
              <a:ext cx="671585" cy="384208"/>
              <a:chOff x="7749287" y="1714250"/>
              <a:chExt cx="671585" cy="384208"/>
            </a:xfrm>
          </p:grpSpPr>
          <p:pic>
            <p:nvPicPr>
              <p:cNvPr id="15" name="Billede 14" descr="Et billede, der indeholder sort, mørke&#10;&#10;AI-genereret indhold kan være ukorrekt.">
                <a:extLst>
                  <a:ext uri="{FF2B5EF4-FFF2-40B4-BE49-F238E27FC236}">
                    <a16:creationId xmlns:a16="http://schemas.microsoft.com/office/drawing/2014/main" id="{51EE2906-09BD-8D1D-2D1E-9CB049F851ED}"/>
                  </a:ext>
                </a:extLst>
              </p:cNvPr>
              <p:cNvPicPr>
                <a:picLocks noChangeAspect="1"/>
              </p:cNvPicPr>
              <p:nvPr/>
            </p:nvPicPr>
            <p:blipFill>
              <a:blip r:embed="rId8" cstate="print">
                <a:lum bright="70000" contrast="-70000"/>
                <a:extLst>
                  <a:ext uri="{BEBA8EAE-BF5A-486C-A8C5-ECC9F3942E4B}">
                    <a14:imgProps xmlns:a14="http://schemas.microsoft.com/office/drawing/2010/main">
                      <a14:imgLayer r:embed="rId9">
                        <a14:imgEffect>
                          <a14:backgroundRemoval t="9961" b="95508" l="1172" r="98633">
                            <a14:foregroundMark x1="64195" y1="46909" x2="76953" y2="46875"/>
                            <a14:foregroundMark x1="3906" y1="47070" x2="37381" y2="46981"/>
                            <a14:foregroundMark x1="42447" y1="50029" x2="4297" y2="53516"/>
                            <a14:foregroundMark x1="76953" y1="46875" x2="63267" y2="48126"/>
                            <a14:foregroundMark x1="4297" y1="53516" x2="89453" y2="97852"/>
                            <a14:foregroundMark x1="89453" y1="97852" x2="3711" y2="96094"/>
                            <a14:foregroundMark x1="3711" y1="96094" x2="80273" y2="90234"/>
                            <a14:foregroundMark x1="80273" y1="90234" x2="49414" y2="72852"/>
                            <a14:foregroundMark x1="83789" y1="63281" x2="99023" y2="65820"/>
                            <a14:foregroundMark x1="17383" y1="73242" x2="90820" y2="95703"/>
                            <a14:foregroundMark x1="90820" y1="95703" x2="95898" y2="95313"/>
                            <a14:foregroundMark x1="11523" y1="76758" x2="1172" y2="84570"/>
                            <a14:foregroundMark x1="13867" y1="47461" x2="24219" y2="46680"/>
                            <a14:foregroundMark x1="50781" y1="56641" x2="64258" y2="55664"/>
                            <a14:foregroundMark x1="67773" y1="54883" x2="24219" y2="57617"/>
                            <a14:foregroundMark x1="38477" y1="40234" x2="1172" y2="39648"/>
                            <a14:foregroundMark x1="22852" y1="51367" x2="19141" y2="45898"/>
                            <a14:foregroundMark x1="30664" y1="34961" x2="30859" y2="38281"/>
                            <a14:foregroundMark x1="42188" y1="50195" x2="50391" y2="55273"/>
                            <a14:foregroundMark x1="62109" y1="56641" x2="63867" y2="58008"/>
                            <a14:foregroundMark x1="75000" y1="57031" x2="78516" y2="55859"/>
                            <a14:foregroundMark x1="89844" y1="47070" x2="88672" y2="47461"/>
                            <a14:foregroundMark x1="82617" y1="48828" x2="82617" y2="48828"/>
                            <a14:foregroundMark x1="82031" y1="49219" x2="82031" y2="49219"/>
                            <a14:foregroundMark x1="76953" y1="47461" x2="76953" y2="47461"/>
                            <a14:foregroundMark x1="72852" y1="47852" x2="72852" y2="47852"/>
                            <a14:foregroundMark x1="75586" y1="45898" x2="75586" y2="45898"/>
                            <a14:foregroundMark x1="73438" y1="45313" x2="84180" y2="45703"/>
                            <a14:foregroundMark x1="82422" y1="42773" x2="37305" y2="58008"/>
                            <a14:foregroundMark x1="85547" y1="45898" x2="85547" y2="45898"/>
                            <a14:backgroundMark x1="0" y1="26563" x2="73242" y2="37891"/>
                            <a14:backgroundMark x1="73242" y1="37891" x2="2930" y2="25586"/>
                            <a14:backgroundMark x1="2930" y1="25586" x2="94727" y2="25391"/>
                            <a14:backgroundMark x1="94727" y1="25391" x2="22852" y2="6445"/>
                            <a14:backgroundMark x1="22852" y1="6445" x2="96680" y2="6836"/>
                            <a14:backgroundMark x1="96680" y1="6836" x2="20508" y2="11719"/>
                            <a14:backgroundMark x1="20508" y1="11719" x2="91211" y2="31055"/>
                            <a14:backgroundMark x1="91211" y1="31055" x2="70313" y2="38867"/>
                            <a14:backgroundMark x1="36901" y1="37736" x2="44141" y2="37109"/>
                            <a14:backgroundMark x1="27411" y1="36229" x2="13477" y2="33984"/>
                            <a14:backgroundMark x1="34626" y1="37391" x2="34130" y2="37311"/>
                            <a14:backgroundMark x1="48633" y1="39648" x2="36917" y2="37760"/>
                            <a14:backgroundMark x1="39844" y1="47852" x2="39844" y2="47852"/>
                            <a14:backgroundMark x1="39063" y1="44531" x2="57813" y2="46680"/>
                            <a14:backgroundMark x1="53906" y1="45313" x2="60203" y2="46983"/>
                            <a14:backgroundMark x1="54657" y1="48856" x2="55469" y2="47070"/>
                            <a14:backgroundMark x1="51973" y1="49762" x2="44141" y2="41797"/>
                            <a14:backgroundMark x1="44336" y1="41016" x2="41211" y2="47461"/>
                            <a14:backgroundMark x1="45117" y1="35742" x2="45705" y2="48563"/>
                            <a14:backgroundMark x1="50391" y1="43555" x2="48242" y2="48047"/>
                            <a14:backgroundMark x1="48633" y1="47852" x2="51953" y2="49609"/>
                            <a14:backgroundMark x1="51953" y1="49609" x2="51583" y2="49894"/>
                          </a14:backgroundRemoval>
                        </a14:imgEffect>
                      </a14:imgLayer>
                    </a14:imgProps>
                  </a:ext>
                  <a:ext uri="{28A0092B-C50C-407E-A947-70E740481C1C}">
                    <a14:useLocalDpi xmlns:a14="http://schemas.microsoft.com/office/drawing/2010/main" val="0"/>
                  </a:ext>
                </a:extLst>
              </a:blip>
              <a:srcRect t="42792" b="-1"/>
              <a:stretch>
                <a:fillRect/>
              </a:stretch>
            </p:blipFill>
            <p:spPr>
              <a:xfrm>
                <a:off x="7749287" y="1714251"/>
                <a:ext cx="671585" cy="384207"/>
              </a:xfrm>
              <a:prstGeom prst="rect">
                <a:avLst/>
              </a:prstGeom>
              <a:solidFill>
                <a:srgbClr val="102B48"/>
              </a:solidFill>
            </p:spPr>
          </p:pic>
          <p:sp>
            <p:nvSpPr>
              <p:cNvPr id="18" name="Rektangel 17">
                <a:extLst>
                  <a:ext uri="{FF2B5EF4-FFF2-40B4-BE49-F238E27FC236}">
                    <a16:creationId xmlns:a16="http://schemas.microsoft.com/office/drawing/2014/main" id="{7D27E16C-0C7C-9E37-8BC7-A0BDA9290310}"/>
                  </a:ext>
                </a:extLst>
              </p:cNvPr>
              <p:cNvSpPr/>
              <p:nvPr/>
            </p:nvSpPr>
            <p:spPr bwMode="auto">
              <a:xfrm>
                <a:off x="7983538" y="1714250"/>
                <a:ext cx="193675" cy="51049"/>
              </a:xfrm>
              <a:prstGeom prst="rect">
                <a:avLst/>
              </a:prstGeom>
              <a:solidFill>
                <a:srgbClr val="0A1449"/>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grpSp>
      <p:sp>
        <p:nvSpPr>
          <p:cNvPr id="20" name="Tekstfelt 19">
            <a:extLst>
              <a:ext uri="{FF2B5EF4-FFF2-40B4-BE49-F238E27FC236}">
                <a16:creationId xmlns:a16="http://schemas.microsoft.com/office/drawing/2014/main" id="{A7EDE659-D9F7-70E7-2593-A83F10ED3EC5}"/>
              </a:ext>
            </a:extLst>
          </p:cNvPr>
          <p:cNvSpPr txBox="1"/>
          <p:nvPr/>
        </p:nvSpPr>
        <p:spPr>
          <a:xfrm>
            <a:off x="6315568" y="3813448"/>
            <a:ext cx="161925" cy="409343"/>
          </a:xfrm>
          <a:prstGeom prst="rect">
            <a:avLst/>
          </a:prstGeom>
          <a:noFill/>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4</a:t>
            </a:r>
          </a:p>
        </p:txBody>
      </p:sp>
      <p:sp>
        <p:nvSpPr>
          <p:cNvPr id="21" name="Tekstfelt 20">
            <a:extLst>
              <a:ext uri="{FF2B5EF4-FFF2-40B4-BE49-F238E27FC236}">
                <a16:creationId xmlns:a16="http://schemas.microsoft.com/office/drawing/2014/main" id="{8E7706B6-FC33-F198-86BA-CAAD06581B66}"/>
              </a:ext>
            </a:extLst>
          </p:cNvPr>
          <p:cNvSpPr txBox="1"/>
          <p:nvPr/>
        </p:nvSpPr>
        <p:spPr>
          <a:xfrm>
            <a:off x="5819775" y="4239217"/>
            <a:ext cx="1315436" cy="409343"/>
          </a:xfrm>
          <a:prstGeom prst="rect">
            <a:avLst/>
          </a:prstGeom>
          <a:solidFill>
            <a:srgbClr val="102B48"/>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a:ea typeface="+mn-ea"/>
                <a:cs typeface="+mn-cs"/>
              </a:rPr>
              <a:t>Lav kortsigtede opgavelister </a:t>
            </a:r>
          </a:p>
        </p:txBody>
      </p:sp>
      <p:sp>
        <p:nvSpPr>
          <p:cNvPr id="107" name="Freeform 4">
            <a:extLst>
              <a:ext uri="{FF2B5EF4-FFF2-40B4-BE49-F238E27FC236}">
                <a16:creationId xmlns:a16="http://schemas.microsoft.com/office/drawing/2014/main" id="{9C7201F6-F830-F1C0-734C-A2A15E7BEB07}"/>
              </a:ext>
            </a:extLst>
          </p:cNvPr>
          <p:cNvSpPr>
            <a:spLocks noChangeArrowheads="1"/>
          </p:cNvSpPr>
          <p:nvPr/>
        </p:nvSpPr>
        <p:spPr bwMode="auto">
          <a:xfrm>
            <a:off x="7151422" y="4064618"/>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E4E5EA"/>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9" name="Billede 118" descr="Et billede, der indeholder sort, mørke&#10;&#10;AI-genereret indhold kan være ukorrekt.">
            <a:extLst>
              <a:ext uri="{FF2B5EF4-FFF2-40B4-BE49-F238E27FC236}">
                <a16:creationId xmlns:a16="http://schemas.microsoft.com/office/drawing/2014/main" id="{90440334-1270-52C9-7186-4C979624E47A}"/>
              </a:ext>
            </a:extLst>
          </p:cNvPr>
          <p:cNvPicPr>
            <a:picLocks noChangeAspect="1"/>
          </p:cNvPicPr>
          <p:nvPr/>
        </p:nvPicPr>
        <p:blipFill>
          <a:blip r:embed="rId10" cstate="print">
            <a:duotone>
              <a:schemeClr val="accent2">
                <a:shade val="45000"/>
                <a:satMod val="135000"/>
              </a:schemeClr>
              <a:prstClr val="white"/>
            </a:duotone>
            <a:extLst>
              <a:ext uri="{28A0092B-C50C-407E-A947-70E740481C1C}">
                <a14:useLocalDpi xmlns:a14="http://schemas.microsoft.com/office/drawing/2010/main" val="0"/>
              </a:ext>
            </a:extLst>
          </a:blip>
          <a:stretch>
            <a:fillRect/>
          </a:stretch>
        </p:blipFill>
        <p:spPr>
          <a:xfrm>
            <a:off x="7268698" y="4187339"/>
            <a:ext cx="715184" cy="715184"/>
          </a:xfrm>
          <a:prstGeom prst="rect">
            <a:avLst/>
          </a:prstGeom>
        </p:spPr>
      </p:pic>
      <p:sp>
        <p:nvSpPr>
          <p:cNvPr id="6" name="Pladsholder til slidenummer 5">
            <a:extLst>
              <a:ext uri="{FF2B5EF4-FFF2-40B4-BE49-F238E27FC236}">
                <a16:creationId xmlns:a16="http://schemas.microsoft.com/office/drawing/2014/main" id="{C1B59610-0E96-DF2A-8DFE-E7EC062C81CB}"/>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3</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323631611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C3A3D3-2F0B-C5C3-53A5-9B36A95E3437}"/>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54A3A3A5-FD89-5CDE-517D-3FB11CA9B0E9}"/>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526F8CBA-711B-4943-B469-9F839D972775}"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C10FC678-E39C-8A66-DA1A-FCC346ED6E34}"/>
              </a:ext>
            </a:extLst>
          </p:cNvPr>
          <p:cNvSpPr txBox="1">
            <a:spLocks/>
          </p:cNvSpPr>
          <p:nvPr/>
        </p:nvSpPr>
        <p:spPr bwMode="auto">
          <a:xfrm>
            <a:off x="477788" y="695460"/>
            <a:ext cx="6092514"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0" i="0" u="none" strike="noStrike" kern="0" cap="none" spc="-50" normalizeH="0" baseline="0" noProof="0">
                <a:ln>
                  <a:noFill/>
                </a:ln>
                <a:solidFill>
                  <a:srgbClr val="A64443"/>
                </a:solidFill>
                <a:effectLst/>
                <a:uLnTx/>
                <a:uFillTx/>
                <a:latin typeface="AU Passata Light"/>
                <a:ea typeface="+mj-ea"/>
                <a:cs typeface="+mj-cs"/>
              </a:rPr>
              <a:t>Kortsigtede opgavelister i praksis </a:t>
            </a:r>
          </a:p>
        </p:txBody>
      </p:sp>
      <p:sp>
        <p:nvSpPr>
          <p:cNvPr id="13" name="Tekstfelt 12">
            <a:extLst>
              <a:ext uri="{FF2B5EF4-FFF2-40B4-BE49-F238E27FC236}">
                <a16:creationId xmlns:a16="http://schemas.microsoft.com/office/drawing/2014/main" id="{D97B4C33-CF51-41A0-3B85-1CFA8D0B1EB4}"/>
              </a:ext>
            </a:extLst>
          </p:cNvPr>
          <p:cNvSpPr txBox="1"/>
          <p:nvPr/>
        </p:nvSpPr>
        <p:spPr>
          <a:xfrm>
            <a:off x="517394" y="1485632"/>
            <a:ext cx="5169031" cy="3662541"/>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Arbejdsform </a:t>
            </a: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Start med at skabe et fælles overblik – i teamet, afdelingen eller ledelsen – over:</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Hvad gør vi allerede, som bevæger os i den rigtige retning?</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Hvad skal vi starte eller stoppe med at gøre (vanebrud) for at komme videre?</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Hvilke kendte forhindringer skal vi have løst?</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Hvor skal vi se efter tegn på succes – fx konkrete mål, ny adfærd eller resultater?</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Med afsæt i dette overblik prioriteres og formuleres konkrete opgaver med tydelige ansvarlige.</a:t>
            </a:r>
            <a:b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b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Brug evt. en fælles plakat eller tavle til at samle gruppens forslag og skabe overblik.</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
        <p:nvSpPr>
          <p:cNvPr id="12" name="Tekstfelt 11">
            <a:extLst>
              <a:ext uri="{FF2B5EF4-FFF2-40B4-BE49-F238E27FC236}">
                <a16:creationId xmlns:a16="http://schemas.microsoft.com/office/drawing/2014/main" id="{8FAE9004-0213-53AC-406E-3AD3BEAE97AD}"/>
              </a:ext>
            </a:extLst>
          </p:cNvPr>
          <p:cNvSpPr txBox="1"/>
          <p:nvPr/>
        </p:nvSpPr>
        <p:spPr>
          <a:xfrm>
            <a:off x="10918961" y="131522"/>
            <a:ext cx="161925" cy="409343"/>
          </a:xfrm>
          <a:prstGeom prst="rect">
            <a:avLst/>
          </a:prstGeom>
          <a:solidFill>
            <a:schemeClr val="bg1"/>
          </a:solidFill>
          <a:ln>
            <a:solidFill>
              <a:schemeClr val="bg1"/>
            </a:solid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4</a:t>
            </a:r>
          </a:p>
        </p:txBody>
      </p:sp>
      <p:sp>
        <p:nvSpPr>
          <p:cNvPr id="14" name="Freeform 4">
            <a:extLst>
              <a:ext uri="{FF2B5EF4-FFF2-40B4-BE49-F238E27FC236}">
                <a16:creationId xmlns:a16="http://schemas.microsoft.com/office/drawing/2014/main" id="{8850FC61-CDD0-4F06-35E4-BF25DCEDC1C9}"/>
              </a:ext>
            </a:extLst>
          </p:cNvPr>
          <p:cNvSpPr>
            <a:spLocks noChangeArrowheads="1"/>
          </p:cNvSpPr>
          <p:nvPr/>
        </p:nvSpPr>
        <p:spPr bwMode="auto">
          <a:xfrm>
            <a:off x="9274667" y="379834"/>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27" name="Tekstfelt 26">
            <a:extLst>
              <a:ext uri="{FF2B5EF4-FFF2-40B4-BE49-F238E27FC236}">
                <a16:creationId xmlns:a16="http://schemas.microsoft.com/office/drawing/2014/main" id="{744427E5-0A8E-F638-818D-872F0962C951}"/>
              </a:ext>
            </a:extLst>
          </p:cNvPr>
          <p:cNvSpPr txBox="1"/>
          <p:nvPr/>
        </p:nvSpPr>
        <p:spPr>
          <a:xfrm>
            <a:off x="10254563" y="520352"/>
            <a:ext cx="1608757"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83D83">
                    <a:lumMod val="50000"/>
                  </a:srgbClr>
                </a:solidFill>
                <a:effectLst/>
                <a:uLnTx/>
                <a:uFillTx/>
                <a:latin typeface="AU Passata" pitchFamily="34" charset="0"/>
                <a:ea typeface="+mn-ea"/>
                <a:cs typeface="+mn-cs"/>
              </a:rPr>
              <a:t>Lav kortsigtede opgavelister</a:t>
            </a:r>
          </a:p>
        </p:txBody>
      </p:sp>
      <p:pic>
        <p:nvPicPr>
          <p:cNvPr id="2" name="Billede 1" descr="Et billede, der indeholder sort, mørke&#10;&#10;AI-genereret indhold kan være ukorrekt.">
            <a:extLst>
              <a:ext uri="{FF2B5EF4-FFF2-40B4-BE49-F238E27FC236}">
                <a16:creationId xmlns:a16="http://schemas.microsoft.com/office/drawing/2014/main" id="{20E287C8-6C58-45DA-3EDF-A3248097A10C}"/>
              </a:ext>
            </a:extLst>
          </p:cNvPr>
          <p:cNvPicPr>
            <a:picLocks noChangeAspect="1"/>
          </p:cNvPicPr>
          <p:nvPr/>
        </p:nvPicPr>
        <p:blipFill>
          <a:blip r:embed="rId3" cstate="print">
            <a:lum bright="70000" contrast="-70000"/>
            <a:extLst>
              <a:ext uri="{28A0092B-C50C-407E-A947-70E740481C1C}">
                <a14:useLocalDpi xmlns:a14="http://schemas.microsoft.com/office/drawing/2010/main" val="0"/>
              </a:ext>
            </a:extLst>
          </a:blip>
          <a:stretch>
            <a:fillRect/>
          </a:stretch>
        </p:blipFill>
        <p:spPr>
          <a:xfrm>
            <a:off x="9416058" y="485543"/>
            <a:ext cx="715184" cy="715184"/>
          </a:xfrm>
          <a:prstGeom prst="rect">
            <a:avLst/>
          </a:prstGeom>
        </p:spPr>
      </p:pic>
      <p:pic>
        <p:nvPicPr>
          <p:cNvPr id="3" name="Billede 2">
            <a:extLst>
              <a:ext uri="{FF2B5EF4-FFF2-40B4-BE49-F238E27FC236}">
                <a16:creationId xmlns:a16="http://schemas.microsoft.com/office/drawing/2014/main" id="{E886AD24-3A10-C041-5803-58429DAF75F9}"/>
              </a:ext>
            </a:extLst>
          </p:cNvPr>
          <p:cNvPicPr>
            <a:picLocks noChangeAspect="1"/>
          </p:cNvPicPr>
          <p:nvPr/>
        </p:nvPicPr>
        <p:blipFill>
          <a:blip r:embed="rId4">
            <a:duotone>
              <a:schemeClr val="accent2">
                <a:shade val="45000"/>
                <a:satMod val="135000"/>
              </a:schemeClr>
              <a:prstClr val="white"/>
            </a:duotone>
          </a:blip>
          <a:stretch>
            <a:fillRect/>
          </a:stretch>
        </p:blipFill>
        <p:spPr>
          <a:xfrm>
            <a:off x="6792441" y="2280973"/>
            <a:ext cx="4536504" cy="2867200"/>
          </a:xfrm>
          <a:prstGeom prst="rect">
            <a:avLst/>
          </a:prstGeom>
        </p:spPr>
      </p:pic>
      <p:sp>
        <p:nvSpPr>
          <p:cNvPr id="7" name="Rounded Rectangle 5">
            <a:extLst>
              <a:ext uri="{FF2B5EF4-FFF2-40B4-BE49-F238E27FC236}">
                <a16:creationId xmlns:a16="http://schemas.microsoft.com/office/drawing/2014/main" id="{BE67B8F1-55DB-219D-FD47-5B708743B773}"/>
              </a:ext>
            </a:extLst>
          </p:cNvPr>
          <p:cNvSpPr/>
          <p:nvPr/>
        </p:nvSpPr>
        <p:spPr>
          <a:xfrm>
            <a:off x="517394" y="4717550"/>
            <a:ext cx="5169031" cy="1444990"/>
          </a:xfrm>
          <a:prstGeom prst="roundRect">
            <a:avLst/>
          </a:prstGeom>
          <a:solidFill>
            <a:srgbClr val="102B48"/>
          </a:solidFill>
          <a:ln w="15875">
            <a:noFill/>
          </a:ln>
          <a:effectLst/>
        </p:spPr>
        <p:style>
          <a:lnRef idx="2">
            <a:schemeClr val="accent1">
              <a:shade val="50000"/>
            </a:schemeClr>
          </a:lnRef>
          <a:fillRef idx="1">
            <a:schemeClr val="accent1"/>
          </a:fillRef>
          <a:effectRef idx="0">
            <a:schemeClr val="accent1"/>
          </a:effectRef>
          <a:fontRef idx="minor">
            <a:schemeClr val="lt1"/>
          </a:fontRef>
        </p:style>
        <p:txBody>
          <a:bodyPr lIns="89977" rtlCol="0" anchor="ctr"/>
          <a:lstStyle/>
          <a:p>
            <a:pPr marL="0" marR="0" lvl="0" indent="0" algn="ctr" defTabSz="914400" rtl="0" eaLnBrk="1" fontAlgn="base" latinLnBrk="0" hangingPunct="1">
              <a:lnSpc>
                <a:spcPts val="4799"/>
              </a:lnSpc>
              <a:spcBef>
                <a:spcPct val="0"/>
              </a:spcBef>
              <a:spcAft>
                <a:spcPct val="0"/>
              </a:spcAft>
              <a:buClrTx/>
              <a:buSzTx/>
              <a:buFont typeface="AU Passata" pitchFamily="34" charset="0"/>
              <a:buNone/>
              <a:tabLst/>
              <a:defRPr/>
            </a:pPr>
            <a:endParaRPr kumimoji="0" lang="uk-UA" sz="1000" b="0" i="0" u="none" strike="noStrike" kern="1200" cap="none" spc="0" normalizeH="0" baseline="0" noProof="0">
              <a:ln>
                <a:noFill/>
              </a:ln>
              <a:solidFill>
                <a:srgbClr val="FFFFFF"/>
              </a:solidFill>
              <a:effectLst/>
              <a:uLnTx/>
              <a:uFillTx/>
              <a:latin typeface="Lato Light" panose="020F0502020204030203" pitchFamily="34" charset="0"/>
              <a:ea typeface="+mn-ea"/>
              <a:cs typeface="+mn-cs"/>
            </a:endParaRPr>
          </a:p>
        </p:txBody>
      </p:sp>
      <p:sp>
        <p:nvSpPr>
          <p:cNvPr id="11" name="Tekstfelt 10">
            <a:extLst>
              <a:ext uri="{FF2B5EF4-FFF2-40B4-BE49-F238E27FC236}">
                <a16:creationId xmlns:a16="http://schemas.microsoft.com/office/drawing/2014/main" id="{4EF116C9-FD06-D4F3-7449-AA98CD672994}"/>
              </a:ext>
            </a:extLst>
          </p:cNvPr>
          <p:cNvSpPr txBox="1"/>
          <p:nvPr/>
        </p:nvSpPr>
        <p:spPr>
          <a:xfrm>
            <a:off x="662654" y="4788946"/>
            <a:ext cx="4922548" cy="1292662"/>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a:ea typeface="+mn-ea"/>
                <a:cs typeface="+mn-cs"/>
              </a:rPr>
              <a:t>Metodeovervejels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Kortsigtede opgavelister udarbejdes med fordel i team, afdeling eller sektion – én pr. samlende bevægelse.</a:t>
            </a:r>
            <a:b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De kan også udvikles som soloøvelse, hvor en ansvarlig laver første udkast og efterfølgende inddrager de relevante personer i udførelsen.</a:t>
            </a:r>
            <a:endParaRPr kumimoji="0" lang="en-GB" sz="1400" b="0" i="0" u="none" strike="noStrike" kern="1200" cap="none" spc="0" normalizeH="0" baseline="0" noProof="0">
              <a:ln>
                <a:noFill/>
              </a:ln>
              <a:solidFill>
                <a:srgbClr val="FFFFFF"/>
              </a:solidFill>
              <a:effectLst/>
              <a:uLnTx/>
              <a:uFillTx/>
              <a:latin typeface="AU Passata" pitchFamily="34" charset="0"/>
              <a:ea typeface="+mn-ea"/>
              <a:cs typeface="+mn-cs"/>
            </a:endParaRPr>
          </a:p>
        </p:txBody>
      </p:sp>
      <p:sp>
        <p:nvSpPr>
          <p:cNvPr id="5" name="Pladsholder til slidenummer 4">
            <a:extLst>
              <a:ext uri="{FF2B5EF4-FFF2-40B4-BE49-F238E27FC236}">
                <a16:creationId xmlns:a16="http://schemas.microsoft.com/office/drawing/2014/main" id="{648F5A6F-C4B2-6BEC-5256-F70141472072}"/>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4</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69939184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bg>
      <p:bgPr>
        <a:solidFill>
          <a:srgbClr val="102B48"/>
        </a:solidFill>
        <a:effectLst/>
      </p:bgPr>
    </p:bg>
    <p:spTree>
      <p:nvGrpSpPr>
        <p:cNvPr id="1" name="">
          <a:extLst>
            <a:ext uri="{FF2B5EF4-FFF2-40B4-BE49-F238E27FC236}">
              <a16:creationId xmlns:a16="http://schemas.microsoft.com/office/drawing/2014/main" id="{00712AAA-8E90-A1D8-D5AD-9DBE8EC95F74}"/>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B43BD517-D195-B262-EAF5-4C388844B8F6}"/>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96A59ADF-ABF9-4F9F-924C-F0D4BD44280D}"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A5C21D76-C05F-9DDE-0A4E-8CA8A6830BF7}"/>
              </a:ext>
            </a:extLst>
          </p:cNvPr>
          <p:cNvSpPr txBox="1">
            <a:spLocks/>
          </p:cNvSpPr>
          <p:nvPr/>
        </p:nvSpPr>
        <p:spPr bwMode="auto">
          <a:xfrm>
            <a:off x="477788" y="695460"/>
            <a:ext cx="6874150"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FFFFFF"/>
                </a:solidFill>
                <a:effectLst/>
                <a:uLnTx/>
                <a:uFillTx/>
                <a:latin typeface="AU Passata Light"/>
                <a:ea typeface="+mj-ea"/>
                <a:cs typeface="+mj-cs"/>
              </a:rPr>
              <a:t>Kontinuerlig opfølgning</a:t>
            </a:r>
          </a:p>
        </p:txBody>
      </p:sp>
      <p:sp>
        <p:nvSpPr>
          <p:cNvPr id="13" name="Tekstfelt 12">
            <a:extLst>
              <a:ext uri="{FF2B5EF4-FFF2-40B4-BE49-F238E27FC236}">
                <a16:creationId xmlns:a16="http://schemas.microsoft.com/office/drawing/2014/main" id="{51AFE9D0-DC1B-E5EC-1B14-127917A3D0C2}"/>
              </a:ext>
            </a:extLst>
          </p:cNvPr>
          <p:cNvSpPr txBox="1"/>
          <p:nvPr/>
        </p:nvSpPr>
        <p:spPr>
          <a:xfrm>
            <a:off x="517390" y="1540519"/>
            <a:ext cx="6168341" cy="5170646"/>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Hvad er det?</a:t>
            </a: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Kontinuerlig opfølgning er en fast rytme for refleksion og justering af det strategiske arbejde. </a:t>
            </a: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Det handler om at skabe et fælles rum, hvor </a:t>
            </a:r>
            <a:r>
              <a:rPr kumimoji="0" lang="da-DK" sz="1400" b="1" i="0" u="none" strike="noStrike" kern="1200" cap="none" spc="0" normalizeH="0" baseline="0" noProof="0">
                <a:ln>
                  <a:noFill/>
                </a:ln>
                <a:solidFill>
                  <a:srgbClr val="FFFFFF"/>
                </a:solidFill>
                <a:effectLst/>
                <a:uLnTx/>
                <a:uFillTx/>
                <a:latin typeface="AU Passata" pitchFamily="34" charset="0"/>
                <a:ea typeface="+mn-ea"/>
                <a:cs typeface="+mn-cs"/>
              </a:rPr>
              <a:t>de relevante ledelsesfora </a:t>
            </a: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jævnligt drøfter:</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Om den lokale strategiske retning fortsat er relevant og skaber bevægelse i den ønskede retning,</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hvilke erfaringer og resultater der er gjort siden sidst,</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og hvor der er behov for justeringer eller nye prioriteringer.</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FFFFFF"/>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Samtidig handler det om at </a:t>
            </a:r>
            <a:r>
              <a:rPr kumimoji="0" lang="da-DK" sz="1400" b="1" i="0" u="none" strike="noStrike" kern="1200" cap="none" spc="0" normalizeH="0" baseline="0" noProof="0">
                <a:ln>
                  <a:noFill/>
                </a:ln>
                <a:solidFill>
                  <a:srgbClr val="FFFFFF"/>
                </a:solidFill>
                <a:effectLst/>
                <a:uLnTx/>
                <a:uFillTx/>
                <a:latin typeface="AU Passata" pitchFamily="34" charset="0"/>
                <a:ea typeface="+mn-ea"/>
                <a:cs typeface="+mn-cs"/>
              </a:rPr>
              <a:t>holde strategien levende i hverdagen</a:t>
            </a: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 – at bruge den som kompas for beslutninger og prioriteringer i det daglige arbejd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Det kan kaldes </a:t>
            </a:r>
            <a:r>
              <a:rPr kumimoji="0" lang="da-DK" sz="1400" b="0" i="1" u="none" strike="noStrike" kern="1200" cap="none" spc="0" normalizeH="0" baseline="0" noProof="0">
                <a:ln>
                  <a:noFill/>
                </a:ln>
                <a:solidFill>
                  <a:srgbClr val="FFFFFF"/>
                </a:solidFill>
                <a:effectLst/>
                <a:uLnTx/>
                <a:uFillTx/>
                <a:latin typeface="AU Passata" pitchFamily="34" charset="0"/>
                <a:ea typeface="+mn-ea"/>
                <a:cs typeface="+mn-cs"/>
              </a:rPr>
              <a:t>hverdagsprioritering -</a:t>
            </a: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 den løbende praksis, hvor strategien bringes i spil gennem de daglige valg, dialoger og handlinger på alle niveauer i organisationen.</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Formålet er, at: </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fastholde strategisk fokus i en travl hverdag.</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omsætte strategien til løbende handling, læring og prioritering.</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skabe et fælles sprog og en vedvarende rytme omkring strategien på tværs af enheder og faglige miljøer. </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Light" panose="020B0303030902030804" pitchFamily="34" charset="0"/>
              <a:ea typeface="+mn-ea"/>
              <a:cs typeface="+mn-cs"/>
            </a:endParaRPr>
          </a:p>
        </p:txBody>
      </p:sp>
      <p:sp>
        <p:nvSpPr>
          <p:cNvPr id="16" name="OFF_logo1Computed">
            <a:extLst>
              <a:ext uri="{FF2B5EF4-FFF2-40B4-BE49-F238E27FC236}">
                <a16:creationId xmlns:a16="http://schemas.microsoft.com/office/drawing/2014/main" id="{30F745E1-D9E8-FEB5-9B5E-49D8963A557F}"/>
              </a:ext>
            </a:extLst>
          </p:cNvPr>
          <p:cNvSpPr/>
          <p:nvPr/>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lvl="0" indent="0" algn="l" defTabSz="914126" rtl="0" eaLnBrk="1" fontAlgn="base" latinLnBrk="0" hangingPunct="1">
              <a:lnSpc>
                <a:spcPct val="90000"/>
              </a:lnSpc>
              <a:spcBef>
                <a:spcPct val="0"/>
              </a:spcBef>
              <a:spcAft>
                <a:spcPct val="0"/>
              </a:spcAft>
              <a:buClrTx/>
              <a:buSzTx/>
              <a:buFont typeface="AU Passata" pitchFamily="34" charset="0"/>
              <a:buNone/>
              <a:tabLst/>
              <a:defRPr/>
            </a:pPr>
            <a:r>
              <a:rPr kumimoji="0" lang="da-DK" sz="1000" b="0" i="0" u="none" strike="noStrike" kern="1200" cap="all" spc="0" normalizeH="0" baseline="0" noProof="1">
                <a:ln>
                  <a:noFill/>
                </a:ln>
                <a:solidFill>
                  <a:srgbClr val="FFFFFF"/>
                </a:solidFill>
                <a:effectLst/>
                <a:uLnTx/>
                <a:uFillTx/>
                <a:latin typeface="AU Passata" pitchFamily="34" charset="0"/>
                <a:ea typeface="+mn-ea"/>
                <a:cs typeface="+mn-cs"/>
              </a:rPr>
              <a:t>Aarhus
Universitet</a:t>
            </a:r>
          </a:p>
        </p:txBody>
      </p:sp>
      <p:pic>
        <p:nvPicPr>
          <p:cNvPr id="17" name="Au logo">
            <a:extLst>
              <a:ext uri="{FF2B5EF4-FFF2-40B4-BE49-F238E27FC236}">
                <a16:creationId xmlns:a16="http://schemas.microsoft.com/office/drawing/2014/main" id="{CA6F64C3-C28D-8FD2-AFB6-B20645FAEAC6}"/>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a:noFill/>
        </p:spPr>
      </p:pic>
      <p:sp>
        <p:nvSpPr>
          <p:cNvPr id="103" name="Freeform 2">
            <a:extLst>
              <a:ext uri="{FF2B5EF4-FFF2-40B4-BE49-F238E27FC236}">
                <a16:creationId xmlns:a16="http://schemas.microsoft.com/office/drawing/2014/main" id="{8052D403-89D6-FA1C-F572-D5462D4104E5}"/>
              </a:ext>
            </a:extLst>
          </p:cNvPr>
          <p:cNvSpPr>
            <a:spLocks noChangeArrowheads="1"/>
          </p:cNvSpPr>
          <p:nvPr/>
        </p:nvSpPr>
        <p:spPr bwMode="auto">
          <a:xfrm>
            <a:off x="7525526" y="0"/>
            <a:ext cx="2659422" cy="6858000"/>
          </a:xfrm>
          <a:custGeom>
            <a:avLst/>
            <a:gdLst>
              <a:gd name="T0" fmla="*/ 3689 w 6472"/>
              <a:gd name="T1" fmla="*/ 11007 h 11008"/>
              <a:gd name="T2" fmla="*/ 2772 w 6472"/>
              <a:gd name="T3" fmla="*/ 11007 h 11008"/>
              <a:gd name="T4" fmla="*/ 2772 w 6472"/>
              <a:gd name="T5" fmla="*/ 10647 h 11008"/>
              <a:gd name="T6" fmla="*/ 2772 w 6472"/>
              <a:gd name="T7" fmla="*/ 10647 h 11008"/>
              <a:gd name="T8" fmla="*/ 4056 w 6472"/>
              <a:gd name="T9" fmla="*/ 9363 h 11008"/>
              <a:gd name="T10" fmla="*/ 5187 w 6472"/>
              <a:gd name="T11" fmla="*/ 9363 h 11008"/>
              <a:gd name="T12" fmla="*/ 5187 w 6472"/>
              <a:gd name="T13" fmla="*/ 9363 h 11008"/>
              <a:gd name="T14" fmla="*/ 5554 w 6472"/>
              <a:gd name="T15" fmla="*/ 8996 h 11008"/>
              <a:gd name="T16" fmla="*/ 5554 w 6472"/>
              <a:gd name="T17" fmla="*/ 8996 h 11008"/>
              <a:gd name="T18" fmla="*/ 5187 w 6472"/>
              <a:gd name="T19" fmla="*/ 8629 h 11008"/>
              <a:gd name="T20" fmla="*/ 1285 w 6472"/>
              <a:gd name="T21" fmla="*/ 8629 h 11008"/>
              <a:gd name="T22" fmla="*/ 1285 w 6472"/>
              <a:gd name="T23" fmla="*/ 8629 h 11008"/>
              <a:gd name="T24" fmla="*/ 0 w 6472"/>
              <a:gd name="T25" fmla="*/ 7344 h 11008"/>
              <a:gd name="T26" fmla="*/ 0 w 6472"/>
              <a:gd name="T27" fmla="*/ 7344 h 11008"/>
              <a:gd name="T28" fmla="*/ 1285 w 6472"/>
              <a:gd name="T29" fmla="*/ 6060 h 11008"/>
              <a:gd name="T30" fmla="*/ 5187 w 6472"/>
              <a:gd name="T31" fmla="*/ 6060 h 11008"/>
              <a:gd name="T32" fmla="*/ 5187 w 6472"/>
              <a:gd name="T33" fmla="*/ 6060 h 11008"/>
              <a:gd name="T34" fmla="*/ 5554 w 6472"/>
              <a:gd name="T35" fmla="*/ 5694 h 11008"/>
              <a:gd name="T36" fmla="*/ 5554 w 6472"/>
              <a:gd name="T37" fmla="*/ 5694 h 11008"/>
              <a:gd name="T38" fmla="*/ 5187 w 6472"/>
              <a:gd name="T39" fmla="*/ 5328 h 11008"/>
              <a:gd name="T40" fmla="*/ 1285 w 6472"/>
              <a:gd name="T41" fmla="*/ 5328 h 11008"/>
              <a:gd name="T42" fmla="*/ 1285 w 6472"/>
              <a:gd name="T43" fmla="*/ 5328 h 11008"/>
              <a:gd name="T44" fmla="*/ 0 w 6472"/>
              <a:gd name="T45" fmla="*/ 4044 h 11008"/>
              <a:gd name="T46" fmla="*/ 0 w 6472"/>
              <a:gd name="T47" fmla="*/ 4044 h 11008"/>
              <a:gd name="T48" fmla="*/ 1285 w 6472"/>
              <a:gd name="T49" fmla="*/ 2759 h 11008"/>
              <a:gd name="T50" fmla="*/ 2410 w 6472"/>
              <a:gd name="T51" fmla="*/ 2759 h 11008"/>
              <a:gd name="T52" fmla="*/ 2410 w 6472"/>
              <a:gd name="T53" fmla="*/ 2759 h 11008"/>
              <a:gd name="T54" fmla="*/ 2777 w 6472"/>
              <a:gd name="T55" fmla="*/ 2392 h 11008"/>
              <a:gd name="T56" fmla="*/ 2777 w 6472"/>
              <a:gd name="T57" fmla="*/ 0 h 11008"/>
              <a:gd name="T58" fmla="*/ 3694 w 6472"/>
              <a:gd name="T59" fmla="*/ 0 h 11008"/>
              <a:gd name="T60" fmla="*/ 3694 w 6472"/>
              <a:gd name="T61" fmla="*/ 2392 h 11008"/>
              <a:gd name="T62" fmla="*/ 3694 w 6472"/>
              <a:gd name="T63" fmla="*/ 2392 h 11008"/>
              <a:gd name="T64" fmla="*/ 2410 w 6472"/>
              <a:gd name="T65" fmla="*/ 3677 h 11008"/>
              <a:gd name="T66" fmla="*/ 1285 w 6472"/>
              <a:gd name="T67" fmla="*/ 3677 h 11008"/>
              <a:gd name="T68" fmla="*/ 1285 w 6472"/>
              <a:gd name="T69" fmla="*/ 3677 h 11008"/>
              <a:gd name="T70" fmla="*/ 918 w 6472"/>
              <a:gd name="T71" fmla="*/ 4044 h 11008"/>
              <a:gd name="T72" fmla="*/ 918 w 6472"/>
              <a:gd name="T73" fmla="*/ 4044 h 11008"/>
              <a:gd name="T74" fmla="*/ 1285 w 6472"/>
              <a:gd name="T75" fmla="*/ 4411 h 11008"/>
              <a:gd name="T76" fmla="*/ 5187 w 6472"/>
              <a:gd name="T77" fmla="*/ 4411 h 11008"/>
              <a:gd name="T78" fmla="*/ 5187 w 6472"/>
              <a:gd name="T79" fmla="*/ 4411 h 11008"/>
              <a:gd name="T80" fmla="*/ 6471 w 6472"/>
              <a:gd name="T81" fmla="*/ 5694 h 11008"/>
              <a:gd name="T82" fmla="*/ 6471 w 6472"/>
              <a:gd name="T83" fmla="*/ 5694 h 11008"/>
              <a:gd name="T84" fmla="*/ 5187 w 6472"/>
              <a:gd name="T85" fmla="*/ 6977 h 11008"/>
              <a:gd name="T86" fmla="*/ 1285 w 6472"/>
              <a:gd name="T87" fmla="*/ 6977 h 11008"/>
              <a:gd name="T88" fmla="*/ 1285 w 6472"/>
              <a:gd name="T89" fmla="*/ 6977 h 11008"/>
              <a:gd name="T90" fmla="*/ 918 w 6472"/>
              <a:gd name="T91" fmla="*/ 7344 h 11008"/>
              <a:gd name="T92" fmla="*/ 918 w 6472"/>
              <a:gd name="T93" fmla="*/ 7344 h 11008"/>
              <a:gd name="T94" fmla="*/ 1285 w 6472"/>
              <a:gd name="T95" fmla="*/ 7711 h 11008"/>
              <a:gd name="T96" fmla="*/ 5187 w 6472"/>
              <a:gd name="T97" fmla="*/ 7711 h 11008"/>
              <a:gd name="T98" fmla="*/ 5187 w 6472"/>
              <a:gd name="T99" fmla="*/ 7711 h 11008"/>
              <a:gd name="T100" fmla="*/ 6471 w 6472"/>
              <a:gd name="T101" fmla="*/ 8996 h 11008"/>
              <a:gd name="T102" fmla="*/ 6471 w 6472"/>
              <a:gd name="T103" fmla="*/ 8996 h 11008"/>
              <a:gd name="T104" fmla="*/ 5187 w 6472"/>
              <a:gd name="T105" fmla="*/ 10280 h 11008"/>
              <a:gd name="T106" fmla="*/ 4056 w 6472"/>
              <a:gd name="T107" fmla="*/ 10280 h 11008"/>
              <a:gd name="T108" fmla="*/ 4056 w 6472"/>
              <a:gd name="T109" fmla="*/ 10280 h 11008"/>
              <a:gd name="T110" fmla="*/ 3689 w 6472"/>
              <a:gd name="T111" fmla="*/ 10647 h 11008"/>
              <a:gd name="T112" fmla="*/ 3689 w 6472"/>
              <a:gd name="T113" fmla="*/ 11007 h 110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472" h="11008">
                <a:moveTo>
                  <a:pt x="3689" y="11007"/>
                </a:moveTo>
                <a:lnTo>
                  <a:pt x="2772" y="11007"/>
                </a:lnTo>
                <a:lnTo>
                  <a:pt x="2772" y="10647"/>
                </a:lnTo>
                <a:lnTo>
                  <a:pt x="2772" y="10647"/>
                </a:lnTo>
                <a:cubicBezTo>
                  <a:pt x="2772" y="9939"/>
                  <a:pt x="3347" y="9363"/>
                  <a:pt x="4056" y="9363"/>
                </a:cubicBezTo>
                <a:lnTo>
                  <a:pt x="5187" y="9363"/>
                </a:lnTo>
                <a:lnTo>
                  <a:pt x="5187" y="9363"/>
                </a:lnTo>
                <a:cubicBezTo>
                  <a:pt x="5390" y="9363"/>
                  <a:pt x="5554" y="9198"/>
                  <a:pt x="5554" y="8996"/>
                </a:cubicBezTo>
                <a:lnTo>
                  <a:pt x="5554" y="8996"/>
                </a:lnTo>
                <a:cubicBezTo>
                  <a:pt x="5554" y="8793"/>
                  <a:pt x="5390" y="8629"/>
                  <a:pt x="5187" y="8629"/>
                </a:cubicBezTo>
                <a:lnTo>
                  <a:pt x="1285" y="8629"/>
                </a:lnTo>
                <a:lnTo>
                  <a:pt x="1285" y="8629"/>
                </a:lnTo>
                <a:cubicBezTo>
                  <a:pt x="576" y="8629"/>
                  <a:pt x="0" y="8053"/>
                  <a:pt x="0" y="7344"/>
                </a:cubicBezTo>
                <a:lnTo>
                  <a:pt x="0" y="7344"/>
                </a:lnTo>
                <a:cubicBezTo>
                  <a:pt x="0" y="6637"/>
                  <a:pt x="576" y="6060"/>
                  <a:pt x="1285" y="6060"/>
                </a:cubicBezTo>
                <a:lnTo>
                  <a:pt x="5187" y="6060"/>
                </a:lnTo>
                <a:lnTo>
                  <a:pt x="5187" y="6060"/>
                </a:lnTo>
                <a:cubicBezTo>
                  <a:pt x="5390" y="6060"/>
                  <a:pt x="5554" y="5896"/>
                  <a:pt x="5554" y="5694"/>
                </a:cubicBezTo>
                <a:lnTo>
                  <a:pt x="5554" y="5694"/>
                </a:lnTo>
                <a:cubicBezTo>
                  <a:pt x="5554" y="5492"/>
                  <a:pt x="5390" y="5328"/>
                  <a:pt x="5187" y="5328"/>
                </a:cubicBezTo>
                <a:lnTo>
                  <a:pt x="1285" y="5328"/>
                </a:lnTo>
                <a:lnTo>
                  <a:pt x="1285" y="5328"/>
                </a:lnTo>
                <a:cubicBezTo>
                  <a:pt x="576" y="5328"/>
                  <a:pt x="0" y="4752"/>
                  <a:pt x="0" y="4044"/>
                </a:cubicBezTo>
                <a:lnTo>
                  <a:pt x="0" y="4044"/>
                </a:lnTo>
                <a:cubicBezTo>
                  <a:pt x="0" y="3335"/>
                  <a:pt x="576" y="2759"/>
                  <a:pt x="1285" y="2759"/>
                </a:cubicBezTo>
                <a:lnTo>
                  <a:pt x="2410" y="2759"/>
                </a:lnTo>
                <a:lnTo>
                  <a:pt x="2410" y="2759"/>
                </a:lnTo>
                <a:cubicBezTo>
                  <a:pt x="2613" y="2759"/>
                  <a:pt x="2777" y="2595"/>
                  <a:pt x="2777" y="2392"/>
                </a:cubicBezTo>
                <a:lnTo>
                  <a:pt x="2777" y="0"/>
                </a:lnTo>
                <a:lnTo>
                  <a:pt x="3694" y="0"/>
                </a:lnTo>
                <a:lnTo>
                  <a:pt x="3694" y="2392"/>
                </a:lnTo>
                <a:lnTo>
                  <a:pt x="3694" y="2392"/>
                </a:lnTo>
                <a:cubicBezTo>
                  <a:pt x="3694" y="3101"/>
                  <a:pt x="3118" y="3677"/>
                  <a:pt x="2410" y="3677"/>
                </a:cubicBezTo>
                <a:lnTo>
                  <a:pt x="1285" y="3677"/>
                </a:lnTo>
                <a:lnTo>
                  <a:pt x="1285" y="3677"/>
                </a:lnTo>
                <a:cubicBezTo>
                  <a:pt x="1082" y="3677"/>
                  <a:pt x="918" y="3841"/>
                  <a:pt x="918" y="4044"/>
                </a:cubicBezTo>
                <a:lnTo>
                  <a:pt x="918" y="4044"/>
                </a:lnTo>
                <a:cubicBezTo>
                  <a:pt x="918" y="4246"/>
                  <a:pt x="1082" y="4411"/>
                  <a:pt x="1285" y="4411"/>
                </a:cubicBezTo>
                <a:lnTo>
                  <a:pt x="5187" y="4411"/>
                </a:lnTo>
                <a:lnTo>
                  <a:pt x="5187" y="4411"/>
                </a:lnTo>
                <a:cubicBezTo>
                  <a:pt x="5895" y="4411"/>
                  <a:pt x="6471" y="4987"/>
                  <a:pt x="6471" y="5694"/>
                </a:cubicBezTo>
                <a:lnTo>
                  <a:pt x="6471" y="5694"/>
                </a:lnTo>
                <a:cubicBezTo>
                  <a:pt x="6471" y="6402"/>
                  <a:pt x="5895" y="6977"/>
                  <a:pt x="5187" y="6977"/>
                </a:cubicBezTo>
                <a:lnTo>
                  <a:pt x="1285" y="6977"/>
                </a:lnTo>
                <a:lnTo>
                  <a:pt x="1285" y="6977"/>
                </a:lnTo>
                <a:cubicBezTo>
                  <a:pt x="1082" y="6977"/>
                  <a:pt x="918" y="7143"/>
                  <a:pt x="918" y="7344"/>
                </a:cubicBezTo>
                <a:lnTo>
                  <a:pt x="918" y="7344"/>
                </a:lnTo>
                <a:cubicBezTo>
                  <a:pt x="918" y="7547"/>
                  <a:pt x="1082" y="7711"/>
                  <a:pt x="1285" y="7711"/>
                </a:cubicBezTo>
                <a:lnTo>
                  <a:pt x="5187" y="7711"/>
                </a:lnTo>
                <a:lnTo>
                  <a:pt x="5187" y="7711"/>
                </a:lnTo>
                <a:cubicBezTo>
                  <a:pt x="5895" y="7711"/>
                  <a:pt x="6471" y="8287"/>
                  <a:pt x="6471" y="8996"/>
                </a:cubicBezTo>
                <a:lnTo>
                  <a:pt x="6471" y="8996"/>
                </a:lnTo>
                <a:cubicBezTo>
                  <a:pt x="6471" y="9704"/>
                  <a:pt x="5895" y="10280"/>
                  <a:pt x="5187" y="10280"/>
                </a:cubicBezTo>
                <a:lnTo>
                  <a:pt x="4056" y="10280"/>
                </a:lnTo>
                <a:lnTo>
                  <a:pt x="4056" y="10280"/>
                </a:lnTo>
                <a:cubicBezTo>
                  <a:pt x="3853" y="10280"/>
                  <a:pt x="3689" y="10444"/>
                  <a:pt x="3689" y="10647"/>
                </a:cubicBezTo>
                <a:lnTo>
                  <a:pt x="3689" y="11007"/>
                </a:lnTo>
              </a:path>
            </a:pathLst>
          </a:custGeom>
          <a:solidFill>
            <a:schemeClr val="accent6">
              <a:alpha val="40000"/>
            </a:schemeClr>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4" name="Freeform 29">
            <a:extLst>
              <a:ext uri="{FF2B5EF4-FFF2-40B4-BE49-F238E27FC236}">
                <a16:creationId xmlns:a16="http://schemas.microsoft.com/office/drawing/2014/main" id="{5DF476DE-DD72-1031-4C4D-7ADE9A325696}"/>
              </a:ext>
            </a:extLst>
          </p:cNvPr>
          <p:cNvSpPr>
            <a:spLocks noChangeArrowheads="1"/>
          </p:cNvSpPr>
          <p:nvPr/>
        </p:nvSpPr>
        <p:spPr bwMode="auto">
          <a:xfrm>
            <a:off x="7823205" y="0"/>
            <a:ext cx="1922798" cy="6751320"/>
          </a:xfrm>
          <a:custGeom>
            <a:avLst/>
            <a:gdLst>
              <a:gd name="connsiteX0" fmla="*/ 1902033 w 3845787"/>
              <a:gd name="connsiteY0" fmla="*/ 7323434 h 7534754"/>
              <a:gd name="connsiteX1" fmla="*/ 1937679 w 3845787"/>
              <a:gd name="connsiteY1" fmla="*/ 7323434 h 7534754"/>
              <a:gd name="connsiteX2" fmla="*/ 1937679 w 3845787"/>
              <a:gd name="connsiteY2" fmla="*/ 7534754 h 7534754"/>
              <a:gd name="connsiteX3" fmla="*/ 1902033 w 3845787"/>
              <a:gd name="connsiteY3" fmla="*/ 7534754 h 7534754"/>
              <a:gd name="connsiteX4" fmla="*/ 2031274 w 3845787"/>
              <a:gd name="connsiteY4" fmla="*/ 6923643 h 7534754"/>
              <a:gd name="connsiteX5" fmla="*/ 2058837 w 3845787"/>
              <a:gd name="connsiteY5" fmla="*/ 6945474 h 7534754"/>
              <a:gd name="connsiteX6" fmla="*/ 1963057 w 3845787"/>
              <a:gd name="connsiteY6" fmla="*/ 7122856 h 7534754"/>
              <a:gd name="connsiteX7" fmla="*/ 1929292 w 3845787"/>
              <a:gd name="connsiteY7" fmla="*/ 7112622 h 7534754"/>
              <a:gd name="connsiteX8" fmla="*/ 2031274 w 3845787"/>
              <a:gd name="connsiteY8" fmla="*/ 6923643 h 7534754"/>
              <a:gd name="connsiteX9" fmla="*/ 2395606 w 3845787"/>
              <a:gd name="connsiteY9" fmla="*/ 6711633 h 7534754"/>
              <a:gd name="connsiteX10" fmla="*/ 2401087 w 3845787"/>
              <a:gd name="connsiteY10" fmla="*/ 6746880 h 7534754"/>
              <a:gd name="connsiteX11" fmla="*/ 2210605 w 3845787"/>
              <a:gd name="connsiteY11" fmla="*/ 6813918 h 7534754"/>
              <a:gd name="connsiteX12" fmla="*/ 2192790 w 3845787"/>
              <a:gd name="connsiteY12" fmla="*/ 6784200 h 7534754"/>
              <a:gd name="connsiteX13" fmla="*/ 2395606 w 3845787"/>
              <a:gd name="connsiteY13" fmla="*/ 6711633 h 7534754"/>
              <a:gd name="connsiteX14" fmla="*/ 3028715 w 3845787"/>
              <a:gd name="connsiteY14" fmla="*/ 6702544 h 7534754"/>
              <a:gd name="connsiteX15" fmla="*/ 3237014 w 3845787"/>
              <a:gd name="connsiteY15" fmla="*/ 6702544 h 7534754"/>
              <a:gd name="connsiteX16" fmla="*/ 3237014 w 3845787"/>
              <a:gd name="connsiteY16" fmla="*/ 6738190 h 7534754"/>
              <a:gd name="connsiteX17" fmla="*/ 3028715 w 3845787"/>
              <a:gd name="connsiteY17" fmla="*/ 6738190 h 7534754"/>
              <a:gd name="connsiteX18" fmla="*/ 2607726 w 3845787"/>
              <a:gd name="connsiteY18" fmla="*/ 6702544 h 7534754"/>
              <a:gd name="connsiteX19" fmla="*/ 2819046 w 3845787"/>
              <a:gd name="connsiteY19" fmla="*/ 6702544 h 7534754"/>
              <a:gd name="connsiteX20" fmla="*/ 2819046 w 3845787"/>
              <a:gd name="connsiteY20" fmla="*/ 6738190 h 7534754"/>
              <a:gd name="connsiteX21" fmla="*/ 2607726 w 3845787"/>
              <a:gd name="connsiteY21" fmla="*/ 6738190 h 7534754"/>
              <a:gd name="connsiteX22" fmla="*/ 3617162 w 3845787"/>
              <a:gd name="connsiteY22" fmla="*/ 6575338 h 7534754"/>
              <a:gd name="connsiteX23" fmla="*/ 3639830 w 3845787"/>
              <a:gd name="connsiteY23" fmla="*/ 6602267 h 7534754"/>
              <a:gd name="connsiteX24" fmla="*/ 3451613 w 3845787"/>
              <a:gd name="connsiteY24" fmla="*/ 6707910 h 7534754"/>
              <a:gd name="connsiteX25" fmla="*/ 3440622 w 3845787"/>
              <a:gd name="connsiteY25" fmla="*/ 6674767 h 7534754"/>
              <a:gd name="connsiteX26" fmla="*/ 3617162 w 3845787"/>
              <a:gd name="connsiteY26" fmla="*/ 6575338 h 7534754"/>
              <a:gd name="connsiteX27" fmla="*/ 3810378 w 3845787"/>
              <a:gd name="connsiteY27" fmla="*/ 6227039 h 7534754"/>
              <a:gd name="connsiteX28" fmla="*/ 3845776 w 3845787"/>
              <a:gd name="connsiteY28" fmla="*/ 6231835 h 7534754"/>
              <a:gd name="connsiteX29" fmla="*/ 3777062 w 3845787"/>
              <a:gd name="connsiteY29" fmla="*/ 6435334 h 7534754"/>
              <a:gd name="connsiteX30" fmla="*/ 3746523 w 3845787"/>
              <a:gd name="connsiteY30" fmla="*/ 6418889 h 7534754"/>
              <a:gd name="connsiteX31" fmla="*/ 3810378 w 3845787"/>
              <a:gd name="connsiteY31" fmla="*/ 6227039 h 7534754"/>
              <a:gd name="connsiteX32" fmla="*/ 3745764 w 3845787"/>
              <a:gd name="connsiteY32" fmla="*/ 5821189 h 7534754"/>
              <a:gd name="connsiteX33" fmla="*/ 3833666 w 3845787"/>
              <a:gd name="connsiteY33" fmla="*/ 6018187 h 7534754"/>
              <a:gd name="connsiteX34" fmla="*/ 3799329 w 3845787"/>
              <a:gd name="connsiteY34" fmla="*/ 6026453 h 7534754"/>
              <a:gd name="connsiteX35" fmla="*/ 3716234 w 3845787"/>
              <a:gd name="connsiteY35" fmla="*/ 5841164 h 7534754"/>
              <a:gd name="connsiteX36" fmla="*/ 3393655 w 3845787"/>
              <a:gd name="connsiteY36" fmla="*/ 5584951 h 7534754"/>
              <a:gd name="connsiteX37" fmla="*/ 3591369 w 3845787"/>
              <a:gd name="connsiteY37" fmla="*/ 5670584 h 7534754"/>
              <a:gd name="connsiteX38" fmla="*/ 3571461 w 3845787"/>
              <a:gd name="connsiteY38" fmla="*/ 5699357 h 7534754"/>
              <a:gd name="connsiteX39" fmla="*/ 3386103 w 3845787"/>
              <a:gd name="connsiteY39" fmla="*/ 5618519 h 7534754"/>
              <a:gd name="connsiteX40" fmla="*/ 2971172 w 3845787"/>
              <a:gd name="connsiteY40" fmla="*/ 5569805 h 7534754"/>
              <a:gd name="connsiteX41" fmla="*/ 3182492 w 3845787"/>
              <a:gd name="connsiteY41" fmla="*/ 5569805 h 7534754"/>
              <a:gd name="connsiteX42" fmla="*/ 3182492 w 3845787"/>
              <a:gd name="connsiteY42" fmla="*/ 5605451 h 7534754"/>
              <a:gd name="connsiteX43" fmla="*/ 2971172 w 3845787"/>
              <a:gd name="connsiteY43" fmla="*/ 5605451 h 7534754"/>
              <a:gd name="connsiteX44" fmla="*/ 2550180 w 3845787"/>
              <a:gd name="connsiteY44" fmla="*/ 5569805 h 7534754"/>
              <a:gd name="connsiteX45" fmla="*/ 2761500 w 3845787"/>
              <a:gd name="connsiteY45" fmla="*/ 5569805 h 7534754"/>
              <a:gd name="connsiteX46" fmla="*/ 2761500 w 3845787"/>
              <a:gd name="connsiteY46" fmla="*/ 5605451 h 7534754"/>
              <a:gd name="connsiteX47" fmla="*/ 2550180 w 3845787"/>
              <a:gd name="connsiteY47" fmla="*/ 5605451 h 7534754"/>
              <a:gd name="connsiteX48" fmla="*/ 2132217 w 3845787"/>
              <a:gd name="connsiteY48" fmla="*/ 5569805 h 7534754"/>
              <a:gd name="connsiteX49" fmla="*/ 2343537 w 3845787"/>
              <a:gd name="connsiteY49" fmla="*/ 5569805 h 7534754"/>
              <a:gd name="connsiteX50" fmla="*/ 2343537 w 3845787"/>
              <a:gd name="connsiteY50" fmla="*/ 5605451 h 7534754"/>
              <a:gd name="connsiteX51" fmla="*/ 2132217 w 3845787"/>
              <a:gd name="connsiteY51" fmla="*/ 5605451 h 7534754"/>
              <a:gd name="connsiteX52" fmla="*/ 1711227 w 3845787"/>
              <a:gd name="connsiteY52" fmla="*/ 5569805 h 7534754"/>
              <a:gd name="connsiteX53" fmla="*/ 1922547 w 3845787"/>
              <a:gd name="connsiteY53" fmla="*/ 5569805 h 7534754"/>
              <a:gd name="connsiteX54" fmla="*/ 1922547 w 3845787"/>
              <a:gd name="connsiteY54" fmla="*/ 5605451 h 7534754"/>
              <a:gd name="connsiteX55" fmla="*/ 1711227 w 3845787"/>
              <a:gd name="connsiteY55" fmla="*/ 5605451 h 7534754"/>
              <a:gd name="connsiteX56" fmla="*/ 1293264 w 3845787"/>
              <a:gd name="connsiteY56" fmla="*/ 5569805 h 7534754"/>
              <a:gd name="connsiteX57" fmla="*/ 1501561 w 3845787"/>
              <a:gd name="connsiteY57" fmla="*/ 5569805 h 7534754"/>
              <a:gd name="connsiteX58" fmla="*/ 1501561 w 3845787"/>
              <a:gd name="connsiteY58" fmla="*/ 5605451 h 7534754"/>
              <a:gd name="connsiteX59" fmla="*/ 1293264 w 3845787"/>
              <a:gd name="connsiteY59" fmla="*/ 5605451 h 7534754"/>
              <a:gd name="connsiteX60" fmla="*/ 872272 w 3845787"/>
              <a:gd name="connsiteY60" fmla="*/ 5569805 h 7534754"/>
              <a:gd name="connsiteX61" fmla="*/ 1083591 w 3845787"/>
              <a:gd name="connsiteY61" fmla="*/ 5569805 h 7534754"/>
              <a:gd name="connsiteX62" fmla="*/ 1083591 w 3845787"/>
              <a:gd name="connsiteY62" fmla="*/ 5605451 h 7534754"/>
              <a:gd name="connsiteX63" fmla="*/ 872272 w 3845787"/>
              <a:gd name="connsiteY63" fmla="*/ 5605451 h 7534754"/>
              <a:gd name="connsiteX64" fmla="*/ 456548 w 3845787"/>
              <a:gd name="connsiteY64" fmla="*/ 5554664 h 7534754"/>
              <a:gd name="connsiteX65" fmla="*/ 584466 w 3845787"/>
              <a:gd name="connsiteY65" fmla="*/ 5569475 h 7534754"/>
              <a:gd name="connsiteX66" fmla="*/ 662599 w 3845787"/>
              <a:gd name="connsiteY66" fmla="*/ 5569475 h 7534754"/>
              <a:gd name="connsiteX67" fmla="*/ 662599 w 3845787"/>
              <a:gd name="connsiteY67" fmla="*/ 5605445 h 7534754"/>
              <a:gd name="connsiteX68" fmla="*/ 584466 w 3845787"/>
              <a:gd name="connsiteY68" fmla="*/ 5605445 h 7534754"/>
              <a:gd name="connsiteX69" fmla="*/ 448251 w 3845787"/>
              <a:gd name="connsiteY69" fmla="*/ 5589224 h 7534754"/>
              <a:gd name="connsiteX70" fmla="*/ 129407 w 3845787"/>
              <a:gd name="connsiteY70" fmla="*/ 5327507 h 7534754"/>
              <a:gd name="connsiteX71" fmla="*/ 271901 w 3845787"/>
              <a:gd name="connsiteY71" fmla="*/ 5470687 h 7534754"/>
              <a:gd name="connsiteX72" fmla="*/ 252034 w 3845787"/>
              <a:gd name="connsiteY72" fmla="*/ 5499460 h 7534754"/>
              <a:gd name="connsiteX73" fmla="*/ 99950 w 3845787"/>
              <a:gd name="connsiteY73" fmla="*/ 5347374 h 7534754"/>
              <a:gd name="connsiteX74" fmla="*/ 6348 w 3845787"/>
              <a:gd name="connsiteY74" fmla="*/ 4936804 h 7534754"/>
              <a:gd name="connsiteX75" fmla="*/ 41614 w 3845787"/>
              <a:gd name="connsiteY75" fmla="*/ 4941598 h 7534754"/>
              <a:gd name="connsiteX76" fmla="*/ 35972 w 3845787"/>
              <a:gd name="connsiteY76" fmla="*/ 5018984 h 7534754"/>
              <a:gd name="connsiteX77" fmla="*/ 50783 w 3845787"/>
              <a:gd name="connsiteY77" fmla="*/ 5142939 h 7534754"/>
              <a:gd name="connsiteX78" fmla="*/ 15517 w 3845787"/>
              <a:gd name="connsiteY78" fmla="*/ 5151157 h 7534754"/>
              <a:gd name="connsiteX79" fmla="*/ 0 w 3845787"/>
              <a:gd name="connsiteY79" fmla="*/ 5018984 h 7534754"/>
              <a:gd name="connsiteX80" fmla="*/ 6348 w 3845787"/>
              <a:gd name="connsiteY80" fmla="*/ 4936804 h 7534754"/>
              <a:gd name="connsiteX81" fmla="*/ 213603 w 3845787"/>
              <a:gd name="connsiteY81" fmla="*/ 4567303 h 7534754"/>
              <a:gd name="connsiteX82" fmla="*/ 235555 w 3845787"/>
              <a:gd name="connsiteY82" fmla="*/ 4594289 h 7534754"/>
              <a:gd name="connsiteX83" fmla="*/ 105903 w 3845787"/>
              <a:gd name="connsiteY83" fmla="*/ 4751362 h 7534754"/>
              <a:gd name="connsiteX84" fmla="*/ 75720 w 3845787"/>
              <a:gd name="connsiteY84" fmla="*/ 4733371 h 7534754"/>
              <a:gd name="connsiteX85" fmla="*/ 213603 w 3845787"/>
              <a:gd name="connsiteY85" fmla="*/ 4567303 h 7534754"/>
              <a:gd name="connsiteX86" fmla="*/ 584408 w 3845787"/>
              <a:gd name="connsiteY86" fmla="*/ 4434039 h 7534754"/>
              <a:gd name="connsiteX87" fmla="*/ 614140 w 3845787"/>
              <a:gd name="connsiteY87" fmla="*/ 4434039 h 7534754"/>
              <a:gd name="connsiteX88" fmla="*/ 614140 w 3845787"/>
              <a:gd name="connsiteY88" fmla="*/ 4469684 h 7534754"/>
              <a:gd name="connsiteX89" fmla="*/ 584408 w 3845787"/>
              <a:gd name="connsiteY89" fmla="*/ 4469684 h 7534754"/>
              <a:gd name="connsiteX90" fmla="*/ 410855 w 3845787"/>
              <a:gd name="connsiteY90" fmla="*/ 4496942 h 7534754"/>
              <a:gd name="connsiteX91" fmla="*/ 399792 w 3845787"/>
              <a:gd name="connsiteY91" fmla="*/ 4463394 h 7534754"/>
              <a:gd name="connsiteX92" fmla="*/ 584408 w 3845787"/>
              <a:gd name="connsiteY92" fmla="*/ 4434039 h 7534754"/>
              <a:gd name="connsiteX93" fmla="*/ 2922713 w 3845787"/>
              <a:gd name="connsiteY93" fmla="*/ 4434037 h 7534754"/>
              <a:gd name="connsiteX94" fmla="*/ 3134033 w 3845787"/>
              <a:gd name="connsiteY94" fmla="*/ 4434037 h 7534754"/>
              <a:gd name="connsiteX95" fmla="*/ 3134033 w 3845787"/>
              <a:gd name="connsiteY95" fmla="*/ 4469683 h 7534754"/>
              <a:gd name="connsiteX96" fmla="*/ 2922713 w 3845787"/>
              <a:gd name="connsiteY96" fmla="*/ 4469683 h 7534754"/>
              <a:gd name="connsiteX97" fmla="*/ 2501720 w 3845787"/>
              <a:gd name="connsiteY97" fmla="*/ 4434037 h 7534754"/>
              <a:gd name="connsiteX98" fmla="*/ 2713040 w 3845787"/>
              <a:gd name="connsiteY98" fmla="*/ 4434037 h 7534754"/>
              <a:gd name="connsiteX99" fmla="*/ 2713040 w 3845787"/>
              <a:gd name="connsiteY99" fmla="*/ 4469683 h 7534754"/>
              <a:gd name="connsiteX100" fmla="*/ 2501720 w 3845787"/>
              <a:gd name="connsiteY100" fmla="*/ 4469683 h 7534754"/>
              <a:gd name="connsiteX101" fmla="*/ 2083758 w 3845787"/>
              <a:gd name="connsiteY101" fmla="*/ 4434037 h 7534754"/>
              <a:gd name="connsiteX102" fmla="*/ 2295078 w 3845787"/>
              <a:gd name="connsiteY102" fmla="*/ 4434037 h 7534754"/>
              <a:gd name="connsiteX103" fmla="*/ 2295078 w 3845787"/>
              <a:gd name="connsiteY103" fmla="*/ 4469683 h 7534754"/>
              <a:gd name="connsiteX104" fmla="*/ 2083758 w 3845787"/>
              <a:gd name="connsiteY104" fmla="*/ 4469683 h 7534754"/>
              <a:gd name="connsiteX105" fmla="*/ 1662767 w 3845787"/>
              <a:gd name="connsiteY105" fmla="*/ 4434037 h 7534754"/>
              <a:gd name="connsiteX106" fmla="*/ 1874086 w 3845787"/>
              <a:gd name="connsiteY106" fmla="*/ 4434037 h 7534754"/>
              <a:gd name="connsiteX107" fmla="*/ 1874086 w 3845787"/>
              <a:gd name="connsiteY107" fmla="*/ 4469683 h 7534754"/>
              <a:gd name="connsiteX108" fmla="*/ 1662767 w 3845787"/>
              <a:gd name="connsiteY108" fmla="*/ 4469683 h 7534754"/>
              <a:gd name="connsiteX109" fmla="*/ 1244805 w 3845787"/>
              <a:gd name="connsiteY109" fmla="*/ 4434037 h 7534754"/>
              <a:gd name="connsiteX110" fmla="*/ 1456124 w 3845787"/>
              <a:gd name="connsiteY110" fmla="*/ 4434037 h 7534754"/>
              <a:gd name="connsiteX111" fmla="*/ 1456124 w 3845787"/>
              <a:gd name="connsiteY111" fmla="*/ 4469683 h 7534754"/>
              <a:gd name="connsiteX112" fmla="*/ 1244805 w 3845787"/>
              <a:gd name="connsiteY112" fmla="*/ 4469683 h 7534754"/>
              <a:gd name="connsiteX113" fmla="*/ 823810 w 3845787"/>
              <a:gd name="connsiteY113" fmla="*/ 4434037 h 7534754"/>
              <a:gd name="connsiteX114" fmla="*/ 1032109 w 3845787"/>
              <a:gd name="connsiteY114" fmla="*/ 4434037 h 7534754"/>
              <a:gd name="connsiteX115" fmla="*/ 1032109 w 3845787"/>
              <a:gd name="connsiteY115" fmla="*/ 4469683 h 7534754"/>
              <a:gd name="connsiteX116" fmla="*/ 823810 w 3845787"/>
              <a:gd name="connsiteY116" fmla="*/ 4469683 h 7534754"/>
              <a:gd name="connsiteX117" fmla="*/ 3531841 w 3845787"/>
              <a:gd name="connsiteY117" fmla="*/ 4364376 h 7534754"/>
              <a:gd name="connsiteX118" fmla="*/ 3548970 w 3845787"/>
              <a:gd name="connsiteY118" fmla="*/ 4395394 h 7534754"/>
              <a:gd name="connsiteX119" fmla="*/ 3345472 w 3845787"/>
              <a:gd name="connsiteY119" fmla="*/ 4463635 h 7534754"/>
              <a:gd name="connsiteX120" fmla="*/ 3340675 w 3845787"/>
              <a:gd name="connsiteY120" fmla="*/ 4429170 h 7534754"/>
              <a:gd name="connsiteX121" fmla="*/ 3531841 w 3845787"/>
              <a:gd name="connsiteY121" fmla="*/ 4364376 h 7534754"/>
              <a:gd name="connsiteX122" fmla="*/ 3785376 w 3845787"/>
              <a:gd name="connsiteY122" fmla="*/ 4058479 h 7534754"/>
              <a:gd name="connsiteX123" fmla="*/ 3818520 w 3845787"/>
              <a:gd name="connsiteY123" fmla="*/ 4069470 h 7534754"/>
              <a:gd name="connsiteX124" fmla="*/ 3713566 w 3845787"/>
              <a:gd name="connsiteY124" fmla="*/ 4257687 h 7534754"/>
              <a:gd name="connsiteX125" fmla="*/ 3685947 w 3845787"/>
              <a:gd name="connsiteY125" fmla="*/ 4235705 h 7534754"/>
              <a:gd name="connsiteX126" fmla="*/ 3785376 w 3845787"/>
              <a:gd name="connsiteY126" fmla="*/ 4058479 h 7534754"/>
              <a:gd name="connsiteX127" fmla="*/ 3796041 w 3845787"/>
              <a:gd name="connsiteY127" fmla="*/ 3649601 h 7534754"/>
              <a:gd name="connsiteX128" fmla="*/ 3845787 w 3845787"/>
              <a:gd name="connsiteY128" fmla="*/ 3859539 h 7534754"/>
              <a:gd name="connsiteX129" fmla="*/ 3811033 w 3845787"/>
              <a:gd name="connsiteY129" fmla="*/ 3860920 h 7534754"/>
              <a:gd name="connsiteX130" fmla="*/ 3764694 w 3845787"/>
              <a:gd name="connsiteY130" fmla="*/ 3664103 h 7534754"/>
              <a:gd name="connsiteX131" fmla="*/ 3496654 w 3845787"/>
              <a:gd name="connsiteY131" fmla="*/ 3349757 h 7534754"/>
              <a:gd name="connsiteX132" fmla="*/ 3673153 w 3845787"/>
              <a:gd name="connsiteY132" fmla="*/ 3469199 h 7534754"/>
              <a:gd name="connsiteX133" fmla="*/ 3648620 w 3845787"/>
              <a:gd name="connsiteY133" fmla="*/ 3494453 h 7534754"/>
              <a:gd name="connsiteX134" fmla="*/ 3483024 w 3845787"/>
              <a:gd name="connsiteY134" fmla="*/ 3381153 h 7534754"/>
              <a:gd name="connsiteX135" fmla="*/ 3077176 w 3845787"/>
              <a:gd name="connsiteY135" fmla="*/ 3301298 h 7534754"/>
              <a:gd name="connsiteX136" fmla="*/ 3264406 w 3845787"/>
              <a:gd name="connsiteY136" fmla="*/ 3301298 h 7534754"/>
              <a:gd name="connsiteX137" fmla="*/ 3288498 w 3845787"/>
              <a:gd name="connsiteY137" fmla="*/ 3301298 h 7534754"/>
              <a:gd name="connsiteX138" fmla="*/ 3287121 w 3845787"/>
              <a:gd name="connsiteY138" fmla="*/ 3336944 h 7534754"/>
              <a:gd name="connsiteX139" fmla="*/ 3264406 w 3845787"/>
              <a:gd name="connsiteY139" fmla="*/ 3336245 h 7534754"/>
              <a:gd name="connsiteX140" fmla="*/ 3077176 w 3845787"/>
              <a:gd name="connsiteY140" fmla="*/ 3336245 h 7534754"/>
              <a:gd name="connsiteX141" fmla="*/ 2656186 w 3845787"/>
              <a:gd name="connsiteY141" fmla="*/ 3301298 h 7534754"/>
              <a:gd name="connsiteX142" fmla="*/ 2867506 w 3845787"/>
              <a:gd name="connsiteY142" fmla="*/ 3301298 h 7534754"/>
              <a:gd name="connsiteX143" fmla="*/ 2867506 w 3845787"/>
              <a:gd name="connsiteY143" fmla="*/ 3336930 h 7534754"/>
              <a:gd name="connsiteX144" fmla="*/ 2656186 w 3845787"/>
              <a:gd name="connsiteY144" fmla="*/ 3336930 h 7534754"/>
              <a:gd name="connsiteX145" fmla="*/ 2238223 w 3845787"/>
              <a:gd name="connsiteY145" fmla="*/ 3301298 h 7534754"/>
              <a:gd name="connsiteX146" fmla="*/ 2449543 w 3845787"/>
              <a:gd name="connsiteY146" fmla="*/ 3301298 h 7534754"/>
              <a:gd name="connsiteX147" fmla="*/ 2449543 w 3845787"/>
              <a:gd name="connsiteY147" fmla="*/ 3336930 h 7534754"/>
              <a:gd name="connsiteX148" fmla="*/ 2238223 w 3845787"/>
              <a:gd name="connsiteY148" fmla="*/ 3336930 h 7534754"/>
              <a:gd name="connsiteX149" fmla="*/ 1817229 w 3845787"/>
              <a:gd name="connsiteY149" fmla="*/ 3301298 h 7534754"/>
              <a:gd name="connsiteX150" fmla="*/ 2025528 w 3845787"/>
              <a:gd name="connsiteY150" fmla="*/ 3301298 h 7534754"/>
              <a:gd name="connsiteX151" fmla="*/ 2025528 w 3845787"/>
              <a:gd name="connsiteY151" fmla="*/ 3336930 h 7534754"/>
              <a:gd name="connsiteX152" fmla="*/ 1817229 w 3845787"/>
              <a:gd name="connsiteY152" fmla="*/ 3336930 h 7534754"/>
              <a:gd name="connsiteX153" fmla="*/ 1399268 w 3845787"/>
              <a:gd name="connsiteY153" fmla="*/ 3301298 h 7534754"/>
              <a:gd name="connsiteX154" fmla="*/ 1610587 w 3845787"/>
              <a:gd name="connsiteY154" fmla="*/ 3301298 h 7534754"/>
              <a:gd name="connsiteX155" fmla="*/ 1610587 w 3845787"/>
              <a:gd name="connsiteY155" fmla="*/ 3336930 h 7534754"/>
              <a:gd name="connsiteX156" fmla="*/ 1399268 w 3845787"/>
              <a:gd name="connsiteY156" fmla="*/ 3336930 h 7534754"/>
              <a:gd name="connsiteX157" fmla="*/ 978278 w 3845787"/>
              <a:gd name="connsiteY157" fmla="*/ 3301298 h 7534754"/>
              <a:gd name="connsiteX158" fmla="*/ 1189597 w 3845787"/>
              <a:gd name="connsiteY158" fmla="*/ 3301298 h 7534754"/>
              <a:gd name="connsiteX159" fmla="*/ 1189597 w 3845787"/>
              <a:gd name="connsiteY159" fmla="*/ 3336930 h 7534754"/>
              <a:gd name="connsiteX160" fmla="*/ 978278 w 3845787"/>
              <a:gd name="connsiteY160" fmla="*/ 3336930 h 7534754"/>
              <a:gd name="connsiteX161" fmla="*/ 559350 w 3845787"/>
              <a:gd name="connsiteY161" fmla="*/ 3301298 h 7534754"/>
              <a:gd name="connsiteX162" fmla="*/ 584819 w 3845787"/>
              <a:gd name="connsiteY162" fmla="*/ 3301997 h 7534754"/>
              <a:gd name="connsiteX163" fmla="*/ 768606 w 3845787"/>
              <a:gd name="connsiteY163" fmla="*/ 3301997 h 7534754"/>
              <a:gd name="connsiteX164" fmla="*/ 768606 w 3845787"/>
              <a:gd name="connsiteY164" fmla="*/ 3336944 h 7534754"/>
              <a:gd name="connsiteX165" fmla="*/ 584819 w 3845787"/>
              <a:gd name="connsiteY165" fmla="*/ 3336944 h 7534754"/>
              <a:gd name="connsiteX166" fmla="*/ 557285 w 3845787"/>
              <a:gd name="connsiteY166" fmla="*/ 3336944 h 7534754"/>
              <a:gd name="connsiteX167" fmla="*/ 194142 w 3845787"/>
              <a:gd name="connsiteY167" fmla="*/ 3140775 h 7534754"/>
              <a:gd name="connsiteX168" fmla="*/ 359738 w 3845787"/>
              <a:gd name="connsiteY168" fmla="*/ 3256589 h 7534754"/>
              <a:gd name="connsiteX169" fmla="*/ 345428 w 3845787"/>
              <a:gd name="connsiteY169" fmla="*/ 3288489 h 7534754"/>
              <a:gd name="connsiteX170" fmla="*/ 169610 w 3845787"/>
              <a:gd name="connsiteY170" fmla="*/ 3165741 h 7534754"/>
              <a:gd name="connsiteX171" fmla="*/ 35049 w 3845787"/>
              <a:gd name="connsiteY171" fmla="*/ 2777331 h 7534754"/>
              <a:gd name="connsiteX172" fmla="*/ 81091 w 3845787"/>
              <a:gd name="connsiteY172" fmla="*/ 2974886 h 7534754"/>
              <a:gd name="connsiteX173" fmla="*/ 48792 w 3845787"/>
              <a:gd name="connsiteY173" fmla="*/ 2988653 h 7534754"/>
              <a:gd name="connsiteX174" fmla="*/ 2 w 3845787"/>
              <a:gd name="connsiteY174" fmla="*/ 2778708 h 7534754"/>
              <a:gd name="connsiteX175" fmla="*/ 135386 w 3845787"/>
              <a:gd name="connsiteY175" fmla="*/ 2377540 h 7534754"/>
              <a:gd name="connsiteX176" fmla="*/ 162863 w 3845787"/>
              <a:gd name="connsiteY176" fmla="*/ 2400895 h 7534754"/>
              <a:gd name="connsiteX177" fmla="*/ 63259 w 3845787"/>
              <a:gd name="connsiteY177" fmla="*/ 2576748 h 7534754"/>
              <a:gd name="connsiteX178" fmla="*/ 30287 w 3845787"/>
              <a:gd name="connsiteY178" fmla="*/ 2565757 h 7534754"/>
              <a:gd name="connsiteX179" fmla="*/ 135386 w 3845787"/>
              <a:gd name="connsiteY179" fmla="*/ 2377540 h 7534754"/>
              <a:gd name="connsiteX180" fmla="*/ 504028 w 3845787"/>
              <a:gd name="connsiteY180" fmla="*/ 2171586 h 7534754"/>
              <a:gd name="connsiteX181" fmla="*/ 508140 w 3845787"/>
              <a:gd name="connsiteY181" fmla="*/ 2206291 h 7534754"/>
              <a:gd name="connsiteX182" fmla="*/ 316974 w 3845787"/>
              <a:gd name="connsiteY182" fmla="*/ 2270841 h 7534754"/>
              <a:gd name="connsiteX183" fmla="*/ 299845 w 3845787"/>
              <a:gd name="connsiteY183" fmla="*/ 2239607 h 7534754"/>
              <a:gd name="connsiteX184" fmla="*/ 504028 w 3845787"/>
              <a:gd name="connsiteY184" fmla="*/ 2171586 h 7534754"/>
              <a:gd name="connsiteX185" fmla="*/ 1138799 w 3845787"/>
              <a:gd name="connsiteY185" fmla="*/ 2168558 h 7534754"/>
              <a:gd name="connsiteX186" fmla="*/ 1350118 w 3845787"/>
              <a:gd name="connsiteY186" fmla="*/ 2168558 h 7534754"/>
              <a:gd name="connsiteX187" fmla="*/ 1350118 w 3845787"/>
              <a:gd name="connsiteY187" fmla="*/ 2204204 h 7534754"/>
              <a:gd name="connsiteX188" fmla="*/ 1138799 w 3845787"/>
              <a:gd name="connsiteY188" fmla="*/ 2204204 h 7534754"/>
              <a:gd name="connsiteX189" fmla="*/ 717808 w 3845787"/>
              <a:gd name="connsiteY189" fmla="*/ 2168558 h 7534754"/>
              <a:gd name="connsiteX190" fmla="*/ 926105 w 3845787"/>
              <a:gd name="connsiteY190" fmla="*/ 2168558 h 7534754"/>
              <a:gd name="connsiteX191" fmla="*/ 926105 w 3845787"/>
              <a:gd name="connsiteY191" fmla="*/ 2204204 h 7534754"/>
              <a:gd name="connsiteX192" fmla="*/ 717808 w 3845787"/>
              <a:gd name="connsiteY192" fmla="*/ 2204204 h 7534754"/>
              <a:gd name="connsiteX193" fmla="*/ 1721301 w 3845787"/>
              <a:gd name="connsiteY193" fmla="*/ 2029240 h 7534754"/>
              <a:gd name="connsiteX194" fmla="*/ 1743858 w 3845787"/>
              <a:gd name="connsiteY194" fmla="*/ 2055135 h 7534754"/>
              <a:gd name="connsiteX195" fmla="*/ 1559980 w 3845787"/>
              <a:gd name="connsiteY195" fmla="*/ 2164849 h 7534754"/>
              <a:gd name="connsiteX196" fmla="*/ 1547676 w 3845787"/>
              <a:gd name="connsiteY196" fmla="*/ 2132139 h 7534754"/>
              <a:gd name="connsiteX197" fmla="*/ 1721301 w 3845787"/>
              <a:gd name="connsiteY197" fmla="*/ 2029240 h 7534754"/>
              <a:gd name="connsiteX198" fmla="*/ 1902908 w 3845787"/>
              <a:gd name="connsiteY198" fmla="*/ 1677908 h 7534754"/>
              <a:gd name="connsiteX199" fmla="*/ 1937682 w 3845787"/>
              <a:gd name="connsiteY199" fmla="*/ 1681323 h 7534754"/>
              <a:gd name="connsiteX200" fmla="*/ 1875784 w 3845787"/>
              <a:gd name="connsiteY200" fmla="*/ 1886205 h 7534754"/>
              <a:gd name="connsiteX201" fmla="*/ 1844488 w 3845787"/>
              <a:gd name="connsiteY201" fmla="*/ 1869815 h 7534754"/>
              <a:gd name="connsiteX202" fmla="*/ 1902908 w 3845787"/>
              <a:gd name="connsiteY202" fmla="*/ 1677908 h 7534754"/>
              <a:gd name="connsiteX203" fmla="*/ 1908090 w 3845787"/>
              <a:gd name="connsiteY203" fmla="*/ 1259945 h 7534754"/>
              <a:gd name="connsiteX204" fmla="*/ 1943723 w 3845787"/>
              <a:gd name="connsiteY204" fmla="*/ 1259945 h 7534754"/>
              <a:gd name="connsiteX205" fmla="*/ 1943723 w 3845787"/>
              <a:gd name="connsiteY205" fmla="*/ 1471265 h 7534754"/>
              <a:gd name="connsiteX206" fmla="*/ 1908090 w 3845787"/>
              <a:gd name="connsiteY206" fmla="*/ 1471265 h 7534754"/>
              <a:gd name="connsiteX207" fmla="*/ 1908090 w 3845787"/>
              <a:gd name="connsiteY207" fmla="*/ 838953 h 7534754"/>
              <a:gd name="connsiteX208" fmla="*/ 1943723 w 3845787"/>
              <a:gd name="connsiteY208" fmla="*/ 838953 h 7534754"/>
              <a:gd name="connsiteX209" fmla="*/ 1943723 w 3845787"/>
              <a:gd name="connsiteY209" fmla="*/ 1050273 h 7534754"/>
              <a:gd name="connsiteX210" fmla="*/ 1908090 w 3845787"/>
              <a:gd name="connsiteY210" fmla="*/ 1050273 h 7534754"/>
              <a:gd name="connsiteX211" fmla="*/ 1908090 w 3845787"/>
              <a:gd name="connsiteY211" fmla="*/ 417962 h 7534754"/>
              <a:gd name="connsiteX212" fmla="*/ 1943723 w 3845787"/>
              <a:gd name="connsiteY212" fmla="*/ 417962 h 7534754"/>
              <a:gd name="connsiteX213" fmla="*/ 1943723 w 3845787"/>
              <a:gd name="connsiteY213" fmla="*/ 629282 h 7534754"/>
              <a:gd name="connsiteX214" fmla="*/ 1908090 w 3845787"/>
              <a:gd name="connsiteY214" fmla="*/ 629282 h 7534754"/>
              <a:gd name="connsiteX215" fmla="*/ 1908090 w 3845787"/>
              <a:gd name="connsiteY215" fmla="*/ 0 h 7534754"/>
              <a:gd name="connsiteX216" fmla="*/ 1943723 w 3845787"/>
              <a:gd name="connsiteY216" fmla="*/ 0 h 7534754"/>
              <a:gd name="connsiteX217" fmla="*/ 1943723 w 3845787"/>
              <a:gd name="connsiteY217" fmla="*/ 211320 h 7534754"/>
              <a:gd name="connsiteX218" fmla="*/ 1908090 w 3845787"/>
              <a:gd name="connsiteY218" fmla="*/ 211320 h 7534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Lst>
            <a:rect l="l" t="t" r="r" b="b"/>
            <a:pathLst>
              <a:path w="3845787" h="7534754">
                <a:moveTo>
                  <a:pt x="1902033" y="7323434"/>
                </a:moveTo>
                <a:lnTo>
                  <a:pt x="1937679" y="7323434"/>
                </a:lnTo>
                <a:lnTo>
                  <a:pt x="1937679" y="7534754"/>
                </a:lnTo>
                <a:lnTo>
                  <a:pt x="1902033" y="7534754"/>
                </a:lnTo>
                <a:close/>
                <a:moveTo>
                  <a:pt x="2031274" y="6923643"/>
                </a:moveTo>
                <a:lnTo>
                  <a:pt x="2058837" y="6945474"/>
                </a:lnTo>
                <a:cubicBezTo>
                  <a:pt x="2015426" y="6998689"/>
                  <a:pt x="1983729" y="7058043"/>
                  <a:pt x="1963057" y="7122856"/>
                </a:cubicBezTo>
                <a:lnTo>
                  <a:pt x="1929292" y="7112622"/>
                </a:lnTo>
                <a:cubicBezTo>
                  <a:pt x="1951342" y="7043716"/>
                  <a:pt x="1985796" y="6980268"/>
                  <a:pt x="2031274" y="6923643"/>
                </a:cubicBezTo>
                <a:close/>
                <a:moveTo>
                  <a:pt x="2395606" y="6711633"/>
                </a:moveTo>
                <a:lnTo>
                  <a:pt x="2401087" y="6746880"/>
                </a:lnTo>
                <a:cubicBezTo>
                  <a:pt x="2333939" y="6757246"/>
                  <a:pt x="2269531" y="6780053"/>
                  <a:pt x="2210605" y="6813918"/>
                </a:cubicBezTo>
                <a:lnTo>
                  <a:pt x="2192790" y="6784200"/>
                </a:lnTo>
                <a:cubicBezTo>
                  <a:pt x="2255827" y="6746880"/>
                  <a:pt x="2323661" y="6722691"/>
                  <a:pt x="2395606" y="6711633"/>
                </a:cubicBezTo>
                <a:close/>
                <a:moveTo>
                  <a:pt x="3028715" y="6702544"/>
                </a:moveTo>
                <a:lnTo>
                  <a:pt x="3237014" y="6702544"/>
                </a:lnTo>
                <a:lnTo>
                  <a:pt x="3237014" y="6738190"/>
                </a:lnTo>
                <a:lnTo>
                  <a:pt x="3028715" y="6738190"/>
                </a:lnTo>
                <a:close/>
                <a:moveTo>
                  <a:pt x="2607726" y="6702544"/>
                </a:moveTo>
                <a:lnTo>
                  <a:pt x="2819046" y="6702544"/>
                </a:lnTo>
                <a:lnTo>
                  <a:pt x="2819046" y="6738190"/>
                </a:lnTo>
                <a:lnTo>
                  <a:pt x="2607726" y="6738190"/>
                </a:lnTo>
                <a:close/>
                <a:moveTo>
                  <a:pt x="3617162" y="6575338"/>
                </a:moveTo>
                <a:lnTo>
                  <a:pt x="3639830" y="6602267"/>
                </a:lnTo>
                <a:cubicBezTo>
                  <a:pt x="3583503" y="6649219"/>
                  <a:pt x="3520992" y="6685124"/>
                  <a:pt x="3451613" y="6707910"/>
                </a:cubicBezTo>
                <a:lnTo>
                  <a:pt x="3440622" y="6674767"/>
                </a:lnTo>
                <a:cubicBezTo>
                  <a:pt x="3505193" y="6652672"/>
                  <a:pt x="3564956" y="6619529"/>
                  <a:pt x="3617162" y="6575338"/>
                </a:cubicBezTo>
                <a:close/>
                <a:moveTo>
                  <a:pt x="3810378" y="6227039"/>
                </a:moveTo>
                <a:lnTo>
                  <a:pt x="3845776" y="6231835"/>
                </a:lnTo>
                <a:cubicBezTo>
                  <a:pt x="3835365" y="6303779"/>
                  <a:pt x="3812460" y="6372297"/>
                  <a:pt x="3777062" y="6435334"/>
                </a:cubicBezTo>
                <a:lnTo>
                  <a:pt x="3746523" y="6418889"/>
                </a:lnTo>
                <a:cubicBezTo>
                  <a:pt x="3779839" y="6359279"/>
                  <a:pt x="3801355" y="6294872"/>
                  <a:pt x="3810378" y="6227039"/>
                </a:cubicBezTo>
                <a:close/>
                <a:moveTo>
                  <a:pt x="3745764" y="5821189"/>
                </a:moveTo>
                <a:cubicBezTo>
                  <a:pt x="3786968" y="5881115"/>
                  <a:pt x="3816498" y="5947240"/>
                  <a:pt x="3833666" y="6018187"/>
                </a:cubicBezTo>
                <a:lnTo>
                  <a:pt x="3799329" y="6026453"/>
                </a:lnTo>
                <a:cubicBezTo>
                  <a:pt x="3783534" y="5960328"/>
                  <a:pt x="3755378" y="5897646"/>
                  <a:pt x="3716234" y="5841164"/>
                </a:cubicBezTo>
                <a:close/>
                <a:moveTo>
                  <a:pt x="3393655" y="5584951"/>
                </a:moveTo>
                <a:cubicBezTo>
                  <a:pt x="3465052" y="5600707"/>
                  <a:pt x="3530957" y="5629480"/>
                  <a:pt x="3591369" y="5670584"/>
                </a:cubicBezTo>
                <a:lnTo>
                  <a:pt x="3571461" y="5699357"/>
                </a:lnTo>
                <a:cubicBezTo>
                  <a:pt x="3515167" y="5660993"/>
                  <a:pt x="3452695" y="5633590"/>
                  <a:pt x="3386103" y="5618519"/>
                </a:cubicBezTo>
                <a:close/>
                <a:moveTo>
                  <a:pt x="2971172" y="5569805"/>
                </a:moveTo>
                <a:lnTo>
                  <a:pt x="3182492" y="5569805"/>
                </a:lnTo>
                <a:lnTo>
                  <a:pt x="3182492" y="5605451"/>
                </a:lnTo>
                <a:lnTo>
                  <a:pt x="2971172" y="5605451"/>
                </a:lnTo>
                <a:close/>
                <a:moveTo>
                  <a:pt x="2550180" y="5569805"/>
                </a:moveTo>
                <a:lnTo>
                  <a:pt x="2761500" y="5569805"/>
                </a:lnTo>
                <a:lnTo>
                  <a:pt x="2761500" y="5605451"/>
                </a:lnTo>
                <a:lnTo>
                  <a:pt x="2550180" y="5605451"/>
                </a:lnTo>
                <a:close/>
                <a:moveTo>
                  <a:pt x="2132217" y="5569805"/>
                </a:moveTo>
                <a:lnTo>
                  <a:pt x="2343537" y="5569805"/>
                </a:lnTo>
                <a:lnTo>
                  <a:pt x="2343537" y="5605451"/>
                </a:lnTo>
                <a:lnTo>
                  <a:pt x="2132217" y="5605451"/>
                </a:lnTo>
                <a:close/>
                <a:moveTo>
                  <a:pt x="1711227" y="5569805"/>
                </a:moveTo>
                <a:lnTo>
                  <a:pt x="1922547" y="5569805"/>
                </a:lnTo>
                <a:lnTo>
                  <a:pt x="1922547" y="5605451"/>
                </a:lnTo>
                <a:lnTo>
                  <a:pt x="1711227" y="5605451"/>
                </a:lnTo>
                <a:close/>
                <a:moveTo>
                  <a:pt x="1293264" y="5569805"/>
                </a:moveTo>
                <a:lnTo>
                  <a:pt x="1501561" y="5569805"/>
                </a:lnTo>
                <a:lnTo>
                  <a:pt x="1501561" y="5605451"/>
                </a:lnTo>
                <a:lnTo>
                  <a:pt x="1293264" y="5605451"/>
                </a:lnTo>
                <a:close/>
                <a:moveTo>
                  <a:pt x="872272" y="5569805"/>
                </a:moveTo>
                <a:lnTo>
                  <a:pt x="1083591" y="5569805"/>
                </a:lnTo>
                <a:lnTo>
                  <a:pt x="1083591" y="5605451"/>
                </a:lnTo>
                <a:lnTo>
                  <a:pt x="872272" y="5605451"/>
                </a:lnTo>
                <a:close/>
                <a:moveTo>
                  <a:pt x="456548" y="5554664"/>
                </a:moveTo>
                <a:cubicBezTo>
                  <a:pt x="498035" y="5564538"/>
                  <a:pt x="540905" y="5569475"/>
                  <a:pt x="584466" y="5569475"/>
                </a:cubicBezTo>
                <a:lnTo>
                  <a:pt x="662599" y="5569475"/>
                </a:lnTo>
                <a:lnTo>
                  <a:pt x="662599" y="5605445"/>
                </a:lnTo>
                <a:lnTo>
                  <a:pt x="584466" y="5605445"/>
                </a:lnTo>
                <a:cubicBezTo>
                  <a:pt x="538139" y="5605445"/>
                  <a:pt x="492503" y="5600508"/>
                  <a:pt x="448251" y="5589224"/>
                </a:cubicBezTo>
                <a:close/>
                <a:moveTo>
                  <a:pt x="129407" y="5327507"/>
                </a:moveTo>
                <a:cubicBezTo>
                  <a:pt x="167771" y="5383683"/>
                  <a:pt x="215725" y="5432323"/>
                  <a:pt x="271901" y="5470687"/>
                </a:cubicBezTo>
                <a:lnTo>
                  <a:pt x="252034" y="5499460"/>
                </a:lnTo>
                <a:cubicBezTo>
                  <a:pt x="192433" y="5458355"/>
                  <a:pt x="141739" y="5406975"/>
                  <a:pt x="99950" y="5347374"/>
                </a:cubicBezTo>
                <a:close/>
                <a:moveTo>
                  <a:pt x="6348" y="4936804"/>
                </a:moveTo>
                <a:lnTo>
                  <a:pt x="41614" y="4941598"/>
                </a:lnTo>
                <a:cubicBezTo>
                  <a:pt x="38088" y="4967621"/>
                  <a:pt x="35972" y="4992960"/>
                  <a:pt x="35972" y="5018984"/>
                </a:cubicBezTo>
                <a:cubicBezTo>
                  <a:pt x="35972" y="5061444"/>
                  <a:pt x="40909" y="5103219"/>
                  <a:pt x="50783" y="5142939"/>
                </a:cubicBezTo>
                <a:lnTo>
                  <a:pt x="15517" y="5151157"/>
                </a:lnTo>
                <a:cubicBezTo>
                  <a:pt x="5642" y="5108012"/>
                  <a:pt x="0" y="5064183"/>
                  <a:pt x="0" y="5018984"/>
                </a:cubicBezTo>
                <a:cubicBezTo>
                  <a:pt x="0" y="4991591"/>
                  <a:pt x="2116" y="4964197"/>
                  <a:pt x="6348" y="4936804"/>
                </a:cubicBezTo>
                <a:close/>
                <a:moveTo>
                  <a:pt x="213603" y="4567303"/>
                </a:moveTo>
                <a:lnTo>
                  <a:pt x="235555" y="4594289"/>
                </a:lnTo>
                <a:cubicBezTo>
                  <a:pt x="182734" y="4638574"/>
                  <a:pt x="139517" y="4691162"/>
                  <a:pt x="105903" y="4751362"/>
                </a:cubicBezTo>
                <a:lnTo>
                  <a:pt x="75720" y="4733371"/>
                </a:lnTo>
                <a:cubicBezTo>
                  <a:pt x="111391" y="4669712"/>
                  <a:pt x="157352" y="4613663"/>
                  <a:pt x="213603" y="4567303"/>
                </a:cubicBezTo>
                <a:close/>
                <a:moveTo>
                  <a:pt x="584408" y="4434039"/>
                </a:moveTo>
                <a:lnTo>
                  <a:pt x="614140" y="4434039"/>
                </a:lnTo>
                <a:lnTo>
                  <a:pt x="614140" y="4469684"/>
                </a:lnTo>
                <a:lnTo>
                  <a:pt x="584408" y="4469684"/>
                </a:lnTo>
                <a:cubicBezTo>
                  <a:pt x="524944" y="4469684"/>
                  <a:pt x="466171" y="4478770"/>
                  <a:pt x="410855" y="4496942"/>
                </a:cubicBezTo>
                <a:lnTo>
                  <a:pt x="399792" y="4463394"/>
                </a:lnTo>
                <a:cubicBezTo>
                  <a:pt x="459256" y="4443824"/>
                  <a:pt x="520795" y="4434039"/>
                  <a:pt x="584408" y="4434039"/>
                </a:cubicBezTo>
                <a:close/>
                <a:moveTo>
                  <a:pt x="2922713" y="4434037"/>
                </a:moveTo>
                <a:lnTo>
                  <a:pt x="3134033" y="4434037"/>
                </a:lnTo>
                <a:lnTo>
                  <a:pt x="3134033" y="4469683"/>
                </a:lnTo>
                <a:lnTo>
                  <a:pt x="2922713" y="4469683"/>
                </a:lnTo>
                <a:close/>
                <a:moveTo>
                  <a:pt x="2501720" y="4434037"/>
                </a:moveTo>
                <a:lnTo>
                  <a:pt x="2713040" y="4434037"/>
                </a:lnTo>
                <a:lnTo>
                  <a:pt x="2713040" y="4469683"/>
                </a:lnTo>
                <a:lnTo>
                  <a:pt x="2501720" y="4469683"/>
                </a:lnTo>
                <a:close/>
                <a:moveTo>
                  <a:pt x="2083758" y="4434037"/>
                </a:moveTo>
                <a:lnTo>
                  <a:pt x="2295078" y="4434037"/>
                </a:lnTo>
                <a:lnTo>
                  <a:pt x="2295078" y="4469683"/>
                </a:lnTo>
                <a:lnTo>
                  <a:pt x="2083758" y="4469683"/>
                </a:lnTo>
                <a:close/>
                <a:moveTo>
                  <a:pt x="1662767" y="4434037"/>
                </a:moveTo>
                <a:lnTo>
                  <a:pt x="1874086" y="4434037"/>
                </a:lnTo>
                <a:lnTo>
                  <a:pt x="1874086" y="4469683"/>
                </a:lnTo>
                <a:lnTo>
                  <a:pt x="1662767" y="4469683"/>
                </a:lnTo>
                <a:close/>
                <a:moveTo>
                  <a:pt x="1244805" y="4434037"/>
                </a:moveTo>
                <a:lnTo>
                  <a:pt x="1456124" y="4434037"/>
                </a:lnTo>
                <a:lnTo>
                  <a:pt x="1456124" y="4469683"/>
                </a:lnTo>
                <a:lnTo>
                  <a:pt x="1244805" y="4469683"/>
                </a:lnTo>
                <a:close/>
                <a:moveTo>
                  <a:pt x="823810" y="4434037"/>
                </a:moveTo>
                <a:lnTo>
                  <a:pt x="1032109" y="4434037"/>
                </a:lnTo>
                <a:lnTo>
                  <a:pt x="1032109" y="4469683"/>
                </a:lnTo>
                <a:lnTo>
                  <a:pt x="823810" y="4469683"/>
                </a:lnTo>
                <a:close/>
                <a:moveTo>
                  <a:pt x="3531841" y="4364376"/>
                </a:moveTo>
                <a:lnTo>
                  <a:pt x="3548970" y="4395394"/>
                </a:lnTo>
                <a:cubicBezTo>
                  <a:pt x="3485933" y="4430549"/>
                  <a:pt x="3417415" y="4453985"/>
                  <a:pt x="3345472" y="4463635"/>
                </a:cubicBezTo>
                <a:lnTo>
                  <a:pt x="3340675" y="4429170"/>
                </a:lnTo>
                <a:cubicBezTo>
                  <a:pt x="3407823" y="4419520"/>
                  <a:pt x="3472915" y="4398152"/>
                  <a:pt x="3531841" y="4364376"/>
                </a:cubicBezTo>
                <a:close/>
                <a:moveTo>
                  <a:pt x="3785376" y="4058479"/>
                </a:moveTo>
                <a:lnTo>
                  <a:pt x="3818520" y="4069470"/>
                </a:lnTo>
                <a:cubicBezTo>
                  <a:pt x="3795734" y="4138849"/>
                  <a:pt x="3760519" y="4201359"/>
                  <a:pt x="3713566" y="4257687"/>
                </a:cubicBezTo>
                <a:lnTo>
                  <a:pt x="3685947" y="4235705"/>
                </a:lnTo>
                <a:cubicBezTo>
                  <a:pt x="3730138" y="4182812"/>
                  <a:pt x="3763971" y="4123050"/>
                  <a:pt x="3785376" y="4058479"/>
                </a:cubicBezTo>
                <a:close/>
                <a:moveTo>
                  <a:pt x="3796041" y="3649601"/>
                </a:moveTo>
                <a:cubicBezTo>
                  <a:pt x="3826024" y="3715897"/>
                  <a:pt x="3842379" y="3786337"/>
                  <a:pt x="3845787" y="3859539"/>
                </a:cubicBezTo>
                <a:lnTo>
                  <a:pt x="3811033" y="3860920"/>
                </a:lnTo>
                <a:cubicBezTo>
                  <a:pt x="3807625" y="3791862"/>
                  <a:pt x="3791952" y="3726947"/>
                  <a:pt x="3764694" y="3664103"/>
                </a:cubicBezTo>
                <a:close/>
                <a:moveTo>
                  <a:pt x="3496654" y="3349757"/>
                </a:moveTo>
                <a:cubicBezTo>
                  <a:pt x="3562756" y="3377741"/>
                  <a:pt x="3622043" y="3418010"/>
                  <a:pt x="3673153" y="3469199"/>
                </a:cubicBezTo>
                <a:lnTo>
                  <a:pt x="3648620" y="3494453"/>
                </a:lnTo>
                <a:cubicBezTo>
                  <a:pt x="3600917" y="3445993"/>
                  <a:pt x="3544356" y="3408454"/>
                  <a:pt x="3483024" y="3381153"/>
                </a:cubicBezTo>
                <a:close/>
                <a:moveTo>
                  <a:pt x="3077176" y="3301298"/>
                </a:moveTo>
                <a:lnTo>
                  <a:pt x="3264406" y="3301298"/>
                </a:lnTo>
                <a:cubicBezTo>
                  <a:pt x="3272666" y="3301298"/>
                  <a:pt x="3280238" y="3301298"/>
                  <a:pt x="3288498" y="3301298"/>
                </a:cubicBezTo>
                <a:lnTo>
                  <a:pt x="3287121" y="3336944"/>
                </a:lnTo>
                <a:cubicBezTo>
                  <a:pt x="3279549" y="3336944"/>
                  <a:pt x="3271978" y="3336245"/>
                  <a:pt x="3264406" y="3336245"/>
                </a:cubicBezTo>
                <a:lnTo>
                  <a:pt x="3077176" y="3336245"/>
                </a:lnTo>
                <a:close/>
                <a:moveTo>
                  <a:pt x="2656186" y="3301298"/>
                </a:moveTo>
                <a:lnTo>
                  <a:pt x="2867506" y="3301298"/>
                </a:lnTo>
                <a:lnTo>
                  <a:pt x="2867506" y="3336930"/>
                </a:lnTo>
                <a:lnTo>
                  <a:pt x="2656186" y="3336930"/>
                </a:lnTo>
                <a:close/>
                <a:moveTo>
                  <a:pt x="2238223" y="3301298"/>
                </a:moveTo>
                <a:lnTo>
                  <a:pt x="2449543" y="3301298"/>
                </a:lnTo>
                <a:lnTo>
                  <a:pt x="2449543" y="3336930"/>
                </a:lnTo>
                <a:lnTo>
                  <a:pt x="2238223" y="3336930"/>
                </a:lnTo>
                <a:close/>
                <a:moveTo>
                  <a:pt x="1817229" y="3301298"/>
                </a:moveTo>
                <a:lnTo>
                  <a:pt x="2025528" y="3301298"/>
                </a:lnTo>
                <a:lnTo>
                  <a:pt x="2025528" y="3336930"/>
                </a:lnTo>
                <a:lnTo>
                  <a:pt x="1817229" y="3336930"/>
                </a:lnTo>
                <a:close/>
                <a:moveTo>
                  <a:pt x="1399268" y="3301298"/>
                </a:moveTo>
                <a:lnTo>
                  <a:pt x="1610587" y="3301298"/>
                </a:lnTo>
                <a:lnTo>
                  <a:pt x="1610587" y="3336930"/>
                </a:lnTo>
                <a:lnTo>
                  <a:pt x="1399268" y="3336930"/>
                </a:lnTo>
                <a:close/>
                <a:moveTo>
                  <a:pt x="978278" y="3301298"/>
                </a:moveTo>
                <a:lnTo>
                  <a:pt x="1189597" y="3301298"/>
                </a:lnTo>
                <a:lnTo>
                  <a:pt x="1189597" y="3336930"/>
                </a:lnTo>
                <a:lnTo>
                  <a:pt x="978278" y="3336930"/>
                </a:lnTo>
                <a:close/>
                <a:moveTo>
                  <a:pt x="559350" y="3301298"/>
                </a:moveTo>
                <a:cubicBezTo>
                  <a:pt x="567610" y="3301997"/>
                  <a:pt x="575870" y="3301997"/>
                  <a:pt x="584819" y="3301997"/>
                </a:cubicBezTo>
                <a:lnTo>
                  <a:pt x="768606" y="3301997"/>
                </a:lnTo>
                <a:lnTo>
                  <a:pt x="768606" y="3336944"/>
                </a:lnTo>
                <a:lnTo>
                  <a:pt x="584819" y="3336944"/>
                </a:lnTo>
                <a:cubicBezTo>
                  <a:pt x="575182" y="3336944"/>
                  <a:pt x="566233" y="3336944"/>
                  <a:pt x="557285" y="3336944"/>
                </a:cubicBezTo>
                <a:close/>
                <a:moveTo>
                  <a:pt x="194142" y="3140775"/>
                </a:moveTo>
                <a:cubicBezTo>
                  <a:pt x="241845" y="3189320"/>
                  <a:pt x="298407" y="3228156"/>
                  <a:pt x="359738" y="3256589"/>
                </a:cubicBezTo>
                <a:lnTo>
                  <a:pt x="345428" y="3288489"/>
                </a:lnTo>
                <a:cubicBezTo>
                  <a:pt x="280007" y="3258670"/>
                  <a:pt x="220720" y="3217754"/>
                  <a:pt x="169610" y="3165741"/>
                </a:cubicBezTo>
                <a:close/>
                <a:moveTo>
                  <a:pt x="35049" y="2777331"/>
                </a:moveTo>
                <a:cubicBezTo>
                  <a:pt x="37797" y="2845477"/>
                  <a:pt x="52916" y="2912247"/>
                  <a:pt x="81091" y="2974886"/>
                </a:cubicBezTo>
                <a:lnTo>
                  <a:pt x="48792" y="2988653"/>
                </a:lnTo>
                <a:cubicBezTo>
                  <a:pt x="19930" y="2921884"/>
                  <a:pt x="3438" y="2851673"/>
                  <a:pt x="2" y="2778708"/>
                </a:cubicBezTo>
                <a:close/>
                <a:moveTo>
                  <a:pt x="135386" y="2377540"/>
                </a:moveTo>
                <a:lnTo>
                  <a:pt x="162863" y="2400895"/>
                </a:lnTo>
                <a:cubicBezTo>
                  <a:pt x="118213" y="2453102"/>
                  <a:pt x="85241" y="2512177"/>
                  <a:pt x="63259" y="2576748"/>
                </a:cubicBezTo>
                <a:lnTo>
                  <a:pt x="30287" y="2565757"/>
                </a:lnTo>
                <a:cubicBezTo>
                  <a:pt x="52955" y="2496378"/>
                  <a:pt x="88675" y="2433868"/>
                  <a:pt x="135386" y="2377540"/>
                </a:cubicBezTo>
                <a:close/>
                <a:moveTo>
                  <a:pt x="504028" y="2171586"/>
                </a:moveTo>
                <a:lnTo>
                  <a:pt x="508140" y="2206291"/>
                </a:lnTo>
                <a:cubicBezTo>
                  <a:pt x="440992" y="2215314"/>
                  <a:pt x="376585" y="2237525"/>
                  <a:pt x="316974" y="2270841"/>
                </a:cubicBezTo>
                <a:lnTo>
                  <a:pt x="299845" y="2239607"/>
                </a:lnTo>
                <a:cubicBezTo>
                  <a:pt x="363567" y="2204208"/>
                  <a:pt x="432085" y="2181303"/>
                  <a:pt x="504028" y="2171586"/>
                </a:cubicBezTo>
                <a:close/>
                <a:moveTo>
                  <a:pt x="1138799" y="2168558"/>
                </a:moveTo>
                <a:lnTo>
                  <a:pt x="1350118" y="2168558"/>
                </a:lnTo>
                <a:lnTo>
                  <a:pt x="1350118" y="2204204"/>
                </a:lnTo>
                <a:lnTo>
                  <a:pt x="1138799" y="2204204"/>
                </a:lnTo>
                <a:close/>
                <a:moveTo>
                  <a:pt x="717808" y="2168558"/>
                </a:moveTo>
                <a:lnTo>
                  <a:pt x="926105" y="2168558"/>
                </a:lnTo>
                <a:lnTo>
                  <a:pt x="926105" y="2204204"/>
                </a:lnTo>
                <a:lnTo>
                  <a:pt x="717808" y="2204204"/>
                </a:lnTo>
                <a:close/>
                <a:moveTo>
                  <a:pt x="1721301" y="2029240"/>
                </a:moveTo>
                <a:lnTo>
                  <a:pt x="1743858" y="2055135"/>
                </a:lnTo>
                <a:cubicBezTo>
                  <a:pt x="1689857" y="2102836"/>
                  <a:pt x="1627653" y="2139635"/>
                  <a:pt x="1559980" y="2164849"/>
                </a:cubicBezTo>
                <a:lnTo>
                  <a:pt x="1547676" y="2132139"/>
                </a:lnTo>
                <a:cubicBezTo>
                  <a:pt x="1611931" y="2108969"/>
                  <a:pt x="1670033" y="2074215"/>
                  <a:pt x="1721301" y="2029240"/>
                </a:cubicBezTo>
                <a:close/>
                <a:moveTo>
                  <a:pt x="1902908" y="1677908"/>
                </a:moveTo>
                <a:lnTo>
                  <a:pt x="1937682" y="1681323"/>
                </a:lnTo>
                <a:cubicBezTo>
                  <a:pt x="1930032" y="1753032"/>
                  <a:pt x="1909863" y="1822009"/>
                  <a:pt x="1875784" y="1886205"/>
                </a:cubicBezTo>
                <a:lnTo>
                  <a:pt x="1844488" y="1869815"/>
                </a:lnTo>
                <a:cubicBezTo>
                  <a:pt x="1876480" y="1809716"/>
                  <a:pt x="1895953" y="1745520"/>
                  <a:pt x="1902908" y="1677908"/>
                </a:cubicBezTo>
                <a:close/>
                <a:moveTo>
                  <a:pt x="1908090" y="1259945"/>
                </a:moveTo>
                <a:lnTo>
                  <a:pt x="1943723" y="1259945"/>
                </a:lnTo>
                <a:lnTo>
                  <a:pt x="1943723" y="1471265"/>
                </a:lnTo>
                <a:lnTo>
                  <a:pt x="1908090" y="1471265"/>
                </a:lnTo>
                <a:close/>
                <a:moveTo>
                  <a:pt x="1908090" y="838953"/>
                </a:moveTo>
                <a:lnTo>
                  <a:pt x="1943723" y="838953"/>
                </a:lnTo>
                <a:lnTo>
                  <a:pt x="1943723" y="1050273"/>
                </a:lnTo>
                <a:lnTo>
                  <a:pt x="1908090" y="1050273"/>
                </a:lnTo>
                <a:close/>
                <a:moveTo>
                  <a:pt x="1908090" y="417962"/>
                </a:moveTo>
                <a:lnTo>
                  <a:pt x="1943723" y="417962"/>
                </a:lnTo>
                <a:lnTo>
                  <a:pt x="1943723" y="629282"/>
                </a:lnTo>
                <a:lnTo>
                  <a:pt x="1908090" y="629282"/>
                </a:lnTo>
                <a:close/>
                <a:moveTo>
                  <a:pt x="1908090" y="0"/>
                </a:moveTo>
                <a:lnTo>
                  <a:pt x="1943723" y="0"/>
                </a:lnTo>
                <a:lnTo>
                  <a:pt x="1943723" y="211320"/>
                </a:lnTo>
                <a:lnTo>
                  <a:pt x="1908090" y="211320"/>
                </a:lnTo>
                <a:close/>
              </a:path>
            </a:pathLst>
          </a:custGeom>
          <a:solidFill>
            <a:schemeClr val="bg1">
              <a:alpha val="56000"/>
            </a:schemeClr>
          </a:solidFill>
          <a:ln>
            <a:noFill/>
          </a:ln>
          <a:effectLst/>
        </p:spPr>
        <p:txBody>
          <a:bodyPr wrap="square" anchor="ctr">
            <a:noAutofit/>
          </a:bodyP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5" name="Freeform 4">
            <a:extLst>
              <a:ext uri="{FF2B5EF4-FFF2-40B4-BE49-F238E27FC236}">
                <a16:creationId xmlns:a16="http://schemas.microsoft.com/office/drawing/2014/main" id="{7C3C56E9-6097-D641-318D-8F3395C4DCEC}"/>
              </a:ext>
            </a:extLst>
          </p:cNvPr>
          <p:cNvSpPr>
            <a:spLocks noChangeArrowheads="1"/>
          </p:cNvSpPr>
          <p:nvPr/>
        </p:nvSpPr>
        <p:spPr bwMode="auto">
          <a:xfrm>
            <a:off x="8294840" y="464895"/>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0" name="Billede 109" descr="Et billede, der indeholder sort, mørke&#10;&#10;AI-genereret indhold kan være ukorrekt.">
            <a:extLst>
              <a:ext uri="{FF2B5EF4-FFF2-40B4-BE49-F238E27FC236}">
                <a16:creationId xmlns:a16="http://schemas.microsoft.com/office/drawing/2014/main" id="{7709976F-E5C0-F939-EE0F-7F4170501199}"/>
              </a:ext>
            </a:extLst>
          </p:cNvPr>
          <p:cNvPicPr>
            <a:picLocks noChangeAspect="1"/>
          </p:cNvPicPr>
          <p:nvPr/>
        </p:nvPicPr>
        <p:blipFill>
          <a:blip r:embed="rId4" cstate="print">
            <a:lum bright="70000" contrast="-70000"/>
            <a:extLst>
              <a:ext uri="{28A0092B-C50C-407E-A947-70E740481C1C}">
                <a14:useLocalDpi xmlns:a14="http://schemas.microsoft.com/office/drawing/2010/main" val="0"/>
              </a:ext>
            </a:extLst>
          </a:blip>
          <a:stretch>
            <a:fillRect/>
          </a:stretch>
        </p:blipFill>
        <p:spPr>
          <a:xfrm>
            <a:off x="8490156" y="590797"/>
            <a:ext cx="577507" cy="577507"/>
          </a:xfrm>
          <a:prstGeom prst="rect">
            <a:avLst/>
          </a:prstGeom>
          <a:ln w="34925">
            <a:noFill/>
          </a:ln>
        </p:spPr>
      </p:pic>
      <p:pic>
        <p:nvPicPr>
          <p:cNvPr id="118" name="Billede 117" descr="Et billede, der indeholder sort, mørke&#10;&#10;AI-genereret indhold kan være ukorrekt.">
            <a:extLst>
              <a:ext uri="{FF2B5EF4-FFF2-40B4-BE49-F238E27FC236}">
                <a16:creationId xmlns:a16="http://schemas.microsoft.com/office/drawing/2014/main" id="{86991BDA-8AC1-DD34-5C54-443F04138962}"/>
              </a:ext>
            </a:extLst>
          </p:cNvPr>
          <p:cNvPicPr>
            <a:picLocks noChangeAspect="1"/>
          </p:cNvPicPr>
          <p:nvPr/>
        </p:nvPicPr>
        <p:blipFill>
          <a:blip r:embed="rId5" cstate="print">
            <a:lum bright="70000" contrast="-70000"/>
            <a:extLst>
              <a:ext uri="{28A0092B-C50C-407E-A947-70E740481C1C}">
                <a14:useLocalDpi xmlns:a14="http://schemas.microsoft.com/office/drawing/2010/main" val="0"/>
              </a:ext>
            </a:extLst>
          </a:blip>
          <a:stretch>
            <a:fillRect/>
          </a:stretch>
        </p:blipFill>
        <p:spPr>
          <a:xfrm>
            <a:off x="9518921" y="5277982"/>
            <a:ext cx="710317" cy="710317"/>
          </a:xfrm>
          <a:prstGeom prst="rect">
            <a:avLst/>
          </a:prstGeom>
        </p:spPr>
      </p:pic>
      <p:sp>
        <p:nvSpPr>
          <p:cNvPr id="10" name="Freeform 4">
            <a:extLst>
              <a:ext uri="{FF2B5EF4-FFF2-40B4-BE49-F238E27FC236}">
                <a16:creationId xmlns:a16="http://schemas.microsoft.com/office/drawing/2014/main" id="{F6367363-329D-20AD-CC2E-4BCDE0825EEB}"/>
              </a:ext>
            </a:extLst>
          </p:cNvPr>
          <p:cNvSpPr>
            <a:spLocks noChangeArrowheads="1"/>
          </p:cNvSpPr>
          <p:nvPr/>
        </p:nvSpPr>
        <p:spPr bwMode="auto">
          <a:xfrm>
            <a:off x="7156447" y="2078183"/>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 name="Billede 10" descr="Et billede, der indeholder sort, mørke&#10;&#10;AI-genereret indhold kan være ukorrekt.">
            <a:extLst>
              <a:ext uri="{FF2B5EF4-FFF2-40B4-BE49-F238E27FC236}">
                <a16:creationId xmlns:a16="http://schemas.microsoft.com/office/drawing/2014/main" id="{EE0187A3-B6D2-0DF3-1FCA-ACB591F3895F}"/>
              </a:ext>
            </a:extLst>
          </p:cNvPr>
          <p:cNvPicPr>
            <a:picLocks noChangeAspect="1"/>
          </p:cNvPicPr>
          <p:nvPr/>
        </p:nvPicPr>
        <p:blipFill>
          <a:blip r:embed="rId6" cstate="print">
            <a:lum bright="70000" contrast="-70000"/>
            <a:extLst>
              <a:ext uri="{28A0092B-C50C-407E-A947-70E740481C1C}">
                <a14:useLocalDpi xmlns:a14="http://schemas.microsoft.com/office/drawing/2010/main" val="0"/>
              </a:ext>
            </a:extLst>
          </a:blip>
          <a:stretch>
            <a:fillRect/>
          </a:stretch>
        </p:blipFill>
        <p:spPr>
          <a:xfrm>
            <a:off x="7292748" y="2230898"/>
            <a:ext cx="636225" cy="636225"/>
          </a:xfrm>
          <a:prstGeom prst="rect">
            <a:avLst/>
          </a:prstGeom>
        </p:spPr>
      </p:pic>
      <p:sp>
        <p:nvSpPr>
          <p:cNvPr id="2" name="Freeform 4">
            <a:extLst>
              <a:ext uri="{FF2B5EF4-FFF2-40B4-BE49-F238E27FC236}">
                <a16:creationId xmlns:a16="http://schemas.microsoft.com/office/drawing/2014/main" id="{43E4AF4D-7B3B-84CF-8833-10E83118C167}"/>
              </a:ext>
            </a:extLst>
          </p:cNvPr>
          <p:cNvSpPr>
            <a:spLocks noChangeArrowheads="1"/>
          </p:cNvSpPr>
          <p:nvPr/>
        </p:nvSpPr>
        <p:spPr bwMode="auto">
          <a:xfrm>
            <a:off x="9376672" y="3038571"/>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grpSp>
        <p:nvGrpSpPr>
          <p:cNvPr id="3" name="Gruppe 2">
            <a:extLst>
              <a:ext uri="{FF2B5EF4-FFF2-40B4-BE49-F238E27FC236}">
                <a16:creationId xmlns:a16="http://schemas.microsoft.com/office/drawing/2014/main" id="{F4215F4F-7295-202E-E052-E03A6B7D00AD}"/>
              </a:ext>
            </a:extLst>
          </p:cNvPr>
          <p:cNvGrpSpPr/>
          <p:nvPr/>
        </p:nvGrpSpPr>
        <p:grpSpPr>
          <a:xfrm>
            <a:off x="9512202" y="3140854"/>
            <a:ext cx="732373" cy="775330"/>
            <a:chOff x="5893979" y="1530527"/>
            <a:chExt cx="799863" cy="846779"/>
          </a:xfrm>
        </p:grpSpPr>
        <p:pic>
          <p:nvPicPr>
            <p:cNvPr id="5" name="Billede 4" descr="Et billede, der indeholder sort, mørke&#10;&#10;AI-genereret indhold kan være ukorrekt.">
              <a:extLst>
                <a:ext uri="{FF2B5EF4-FFF2-40B4-BE49-F238E27FC236}">
                  <a16:creationId xmlns:a16="http://schemas.microsoft.com/office/drawing/2014/main" id="{5CF745BB-B1B9-4F86-4155-7C0D62666402}"/>
                </a:ext>
              </a:extLst>
            </p:cNvPr>
            <p:cNvPicPr>
              <a:picLocks noChangeAspect="1"/>
            </p:cNvPicPr>
            <p:nvPr/>
          </p:nvPicPr>
          <p:blipFill>
            <a:blip r:embed="rId7" cstate="print">
              <a:lum bright="70000" contrast="-70000"/>
              <a:extLst>
                <a:ext uri="{28A0092B-C50C-407E-A947-70E740481C1C}">
                  <a14:useLocalDpi xmlns:a14="http://schemas.microsoft.com/office/drawing/2010/main" val="0"/>
                </a:ext>
              </a:extLst>
            </a:blip>
            <a:stretch>
              <a:fillRect/>
            </a:stretch>
          </p:blipFill>
          <p:spPr>
            <a:xfrm>
              <a:off x="5909303" y="1530527"/>
              <a:ext cx="769215" cy="764666"/>
            </a:xfrm>
            <a:prstGeom prst="rect">
              <a:avLst/>
            </a:prstGeom>
          </p:spPr>
        </p:pic>
        <p:sp>
          <p:nvSpPr>
            <p:cNvPr id="12" name="Blokbue 11">
              <a:extLst>
                <a:ext uri="{FF2B5EF4-FFF2-40B4-BE49-F238E27FC236}">
                  <a16:creationId xmlns:a16="http://schemas.microsoft.com/office/drawing/2014/main" id="{434408AF-1B15-98D7-689B-889886B97F95}"/>
                </a:ext>
              </a:extLst>
            </p:cNvPr>
            <p:cNvSpPr/>
            <p:nvPr/>
          </p:nvSpPr>
          <p:spPr bwMode="auto">
            <a:xfrm rot="10583219">
              <a:off x="5893979" y="1621172"/>
              <a:ext cx="799863" cy="655864"/>
            </a:xfrm>
            <a:prstGeom prst="blockArc">
              <a:avLst>
                <a:gd name="adj1" fmla="val 10187759"/>
                <a:gd name="adj2" fmla="val 1328130"/>
                <a:gd name="adj3" fmla="val 33143"/>
              </a:avLst>
            </a:prstGeom>
            <a:solidFill>
              <a:srgbClr val="102B48"/>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nvGrpSpPr>
            <p:cNvPr id="14" name="Gruppe 13">
              <a:extLst>
                <a:ext uri="{FF2B5EF4-FFF2-40B4-BE49-F238E27FC236}">
                  <a16:creationId xmlns:a16="http://schemas.microsoft.com/office/drawing/2014/main" id="{02026B4F-9FB5-CA3A-C340-7A19FB68976B}"/>
                </a:ext>
              </a:extLst>
            </p:cNvPr>
            <p:cNvGrpSpPr/>
            <p:nvPr/>
          </p:nvGrpSpPr>
          <p:grpSpPr>
            <a:xfrm>
              <a:off x="5958117" y="1993098"/>
              <a:ext cx="671585" cy="384208"/>
              <a:chOff x="7749287" y="1714250"/>
              <a:chExt cx="671585" cy="384208"/>
            </a:xfrm>
          </p:grpSpPr>
          <p:pic>
            <p:nvPicPr>
              <p:cNvPr id="15" name="Billede 14" descr="Et billede, der indeholder sort, mørke&#10;&#10;AI-genereret indhold kan være ukorrekt.">
                <a:extLst>
                  <a:ext uri="{FF2B5EF4-FFF2-40B4-BE49-F238E27FC236}">
                    <a16:creationId xmlns:a16="http://schemas.microsoft.com/office/drawing/2014/main" id="{CF36F30A-5C46-DBB0-9C8A-0F3F50E2F9BC}"/>
                  </a:ext>
                </a:extLst>
              </p:cNvPr>
              <p:cNvPicPr>
                <a:picLocks noChangeAspect="1"/>
              </p:cNvPicPr>
              <p:nvPr/>
            </p:nvPicPr>
            <p:blipFill>
              <a:blip r:embed="rId8" cstate="print">
                <a:lum bright="70000" contrast="-70000"/>
                <a:extLst>
                  <a:ext uri="{BEBA8EAE-BF5A-486C-A8C5-ECC9F3942E4B}">
                    <a14:imgProps xmlns:a14="http://schemas.microsoft.com/office/drawing/2010/main">
                      <a14:imgLayer r:embed="rId9">
                        <a14:imgEffect>
                          <a14:backgroundRemoval t="9961" b="95508" l="1172" r="98633">
                            <a14:foregroundMark x1="64195" y1="46909" x2="76953" y2="46875"/>
                            <a14:foregroundMark x1="3906" y1="47070" x2="37381" y2="46981"/>
                            <a14:foregroundMark x1="42447" y1="50029" x2="4297" y2="53516"/>
                            <a14:foregroundMark x1="76953" y1="46875" x2="63267" y2="48126"/>
                            <a14:foregroundMark x1="4297" y1="53516" x2="89453" y2="97852"/>
                            <a14:foregroundMark x1="89453" y1="97852" x2="3711" y2="96094"/>
                            <a14:foregroundMark x1="3711" y1="96094" x2="80273" y2="90234"/>
                            <a14:foregroundMark x1="80273" y1="90234" x2="49414" y2="72852"/>
                            <a14:foregroundMark x1="83789" y1="63281" x2="99023" y2="65820"/>
                            <a14:foregroundMark x1="17383" y1="73242" x2="90820" y2="95703"/>
                            <a14:foregroundMark x1="90820" y1="95703" x2="95898" y2="95313"/>
                            <a14:foregroundMark x1="11523" y1="76758" x2="1172" y2="84570"/>
                            <a14:foregroundMark x1="13867" y1="47461" x2="24219" y2="46680"/>
                            <a14:foregroundMark x1="50781" y1="56641" x2="64258" y2="55664"/>
                            <a14:foregroundMark x1="67773" y1="54883" x2="24219" y2="57617"/>
                            <a14:foregroundMark x1="38477" y1="40234" x2="1172" y2="39648"/>
                            <a14:foregroundMark x1="22852" y1="51367" x2="19141" y2="45898"/>
                            <a14:foregroundMark x1="30664" y1="34961" x2="30859" y2="38281"/>
                            <a14:foregroundMark x1="42188" y1="50195" x2="50391" y2="55273"/>
                            <a14:foregroundMark x1="62109" y1="56641" x2="63867" y2="58008"/>
                            <a14:foregroundMark x1="75000" y1="57031" x2="78516" y2="55859"/>
                            <a14:foregroundMark x1="89844" y1="47070" x2="88672" y2="47461"/>
                            <a14:foregroundMark x1="82617" y1="48828" x2="82617" y2="48828"/>
                            <a14:foregroundMark x1="82031" y1="49219" x2="82031" y2="49219"/>
                            <a14:foregroundMark x1="76953" y1="47461" x2="76953" y2="47461"/>
                            <a14:foregroundMark x1="72852" y1="47852" x2="72852" y2="47852"/>
                            <a14:foregroundMark x1="75586" y1="45898" x2="75586" y2="45898"/>
                            <a14:foregroundMark x1="73438" y1="45313" x2="84180" y2="45703"/>
                            <a14:foregroundMark x1="82422" y1="42773" x2="37305" y2="58008"/>
                            <a14:foregroundMark x1="85547" y1="45898" x2="85547" y2="45898"/>
                            <a14:backgroundMark x1="0" y1="26563" x2="73242" y2="37891"/>
                            <a14:backgroundMark x1="73242" y1="37891" x2="2930" y2="25586"/>
                            <a14:backgroundMark x1="2930" y1="25586" x2="94727" y2="25391"/>
                            <a14:backgroundMark x1="94727" y1="25391" x2="22852" y2="6445"/>
                            <a14:backgroundMark x1="22852" y1="6445" x2="96680" y2="6836"/>
                            <a14:backgroundMark x1="96680" y1="6836" x2="20508" y2="11719"/>
                            <a14:backgroundMark x1="20508" y1="11719" x2="91211" y2="31055"/>
                            <a14:backgroundMark x1="91211" y1="31055" x2="70313" y2="38867"/>
                            <a14:backgroundMark x1="36901" y1="37736" x2="44141" y2="37109"/>
                            <a14:backgroundMark x1="27411" y1="36229" x2="13477" y2="33984"/>
                            <a14:backgroundMark x1="34626" y1="37391" x2="34130" y2="37311"/>
                            <a14:backgroundMark x1="48633" y1="39648" x2="36917" y2="37760"/>
                            <a14:backgroundMark x1="39844" y1="47852" x2="39844" y2="47852"/>
                            <a14:backgroundMark x1="39063" y1="44531" x2="57813" y2="46680"/>
                            <a14:backgroundMark x1="53906" y1="45313" x2="60203" y2="46983"/>
                            <a14:backgroundMark x1="54657" y1="48856" x2="55469" y2="47070"/>
                            <a14:backgroundMark x1="51973" y1="49762" x2="44141" y2="41797"/>
                            <a14:backgroundMark x1="44336" y1="41016" x2="41211" y2="47461"/>
                            <a14:backgroundMark x1="45117" y1="35742" x2="45705" y2="48563"/>
                            <a14:backgroundMark x1="50391" y1="43555" x2="48242" y2="48047"/>
                            <a14:backgroundMark x1="48633" y1="47852" x2="51953" y2="49609"/>
                            <a14:backgroundMark x1="51953" y1="49609" x2="51583" y2="49894"/>
                          </a14:backgroundRemoval>
                        </a14:imgEffect>
                      </a14:imgLayer>
                    </a14:imgProps>
                  </a:ext>
                  <a:ext uri="{28A0092B-C50C-407E-A947-70E740481C1C}">
                    <a14:useLocalDpi xmlns:a14="http://schemas.microsoft.com/office/drawing/2010/main" val="0"/>
                  </a:ext>
                </a:extLst>
              </a:blip>
              <a:srcRect t="42792" b="-1"/>
              <a:stretch>
                <a:fillRect/>
              </a:stretch>
            </p:blipFill>
            <p:spPr>
              <a:xfrm>
                <a:off x="7749287" y="1714251"/>
                <a:ext cx="671585" cy="384207"/>
              </a:xfrm>
              <a:prstGeom prst="rect">
                <a:avLst/>
              </a:prstGeom>
              <a:solidFill>
                <a:srgbClr val="102B48"/>
              </a:solidFill>
            </p:spPr>
          </p:pic>
          <p:sp>
            <p:nvSpPr>
              <p:cNvPr id="18" name="Rektangel 17">
                <a:extLst>
                  <a:ext uri="{FF2B5EF4-FFF2-40B4-BE49-F238E27FC236}">
                    <a16:creationId xmlns:a16="http://schemas.microsoft.com/office/drawing/2014/main" id="{CEBB7976-5DD8-A30D-DF18-883083ED638B}"/>
                  </a:ext>
                </a:extLst>
              </p:cNvPr>
              <p:cNvSpPr/>
              <p:nvPr/>
            </p:nvSpPr>
            <p:spPr bwMode="auto">
              <a:xfrm>
                <a:off x="7983538" y="1714250"/>
                <a:ext cx="193675" cy="51049"/>
              </a:xfrm>
              <a:prstGeom prst="rect">
                <a:avLst/>
              </a:prstGeom>
              <a:solidFill>
                <a:srgbClr val="0A1449"/>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grpSp>
      <p:sp>
        <p:nvSpPr>
          <p:cNvPr id="107" name="Freeform 4">
            <a:extLst>
              <a:ext uri="{FF2B5EF4-FFF2-40B4-BE49-F238E27FC236}">
                <a16:creationId xmlns:a16="http://schemas.microsoft.com/office/drawing/2014/main" id="{8A88B932-78A2-DD9B-C170-34B90BAEA063}"/>
              </a:ext>
            </a:extLst>
          </p:cNvPr>
          <p:cNvSpPr>
            <a:spLocks noChangeArrowheads="1"/>
          </p:cNvSpPr>
          <p:nvPr/>
        </p:nvSpPr>
        <p:spPr bwMode="auto">
          <a:xfrm>
            <a:off x="7151422" y="4064618"/>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9" name="Billede 118" descr="Et billede, der indeholder sort, mørke&#10;&#10;AI-genereret indhold kan være ukorrekt.">
            <a:extLst>
              <a:ext uri="{FF2B5EF4-FFF2-40B4-BE49-F238E27FC236}">
                <a16:creationId xmlns:a16="http://schemas.microsoft.com/office/drawing/2014/main" id="{19891121-88A5-8E83-575A-DC5DD6B43828}"/>
              </a:ext>
            </a:extLst>
          </p:cNvPr>
          <p:cNvPicPr>
            <a:picLocks noChangeAspect="1"/>
          </p:cNvPicPr>
          <p:nvPr/>
        </p:nvPicPr>
        <p:blipFill>
          <a:blip r:embed="rId10" cstate="print">
            <a:lum bright="70000" contrast="-70000"/>
            <a:extLst>
              <a:ext uri="{28A0092B-C50C-407E-A947-70E740481C1C}">
                <a14:useLocalDpi xmlns:a14="http://schemas.microsoft.com/office/drawing/2010/main" val="0"/>
              </a:ext>
            </a:extLst>
          </a:blip>
          <a:stretch>
            <a:fillRect/>
          </a:stretch>
        </p:blipFill>
        <p:spPr>
          <a:xfrm>
            <a:off x="7268698" y="4187339"/>
            <a:ext cx="715184" cy="715184"/>
          </a:xfrm>
          <a:prstGeom prst="rect">
            <a:avLst/>
          </a:prstGeom>
        </p:spPr>
      </p:pic>
      <p:sp>
        <p:nvSpPr>
          <p:cNvPr id="7" name="Tekstfelt 6">
            <a:extLst>
              <a:ext uri="{FF2B5EF4-FFF2-40B4-BE49-F238E27FC236}">
                <a16:creationId xmlns:a16="http://schemas.microsoft.com/office/drawing/2014/main" id="{3CB7B80B-55EF-2BBF-EDE1-E1A9A0AC6AA7}"/>
              </a:ext>
            </a:extLst>
          </p:cNvPr>
          <p:cNvSpPr txBox="1"/>
          <p:nvPr/>
        </p:nvSpPr>
        <p:spPr>
          <a:xfrm>
            <a:off x="11044219" y="4809318"/>
            <a:ext cx="161925" cy="409343"/>
          </a:xfrm>
          <a:prstGeom prst="rect">
            <a:avLst/>
          </a:prstGeom>
          <a:noFill/>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5</a:t>
            </a:r>
          </a:p>
        </p:txBody>
      </p:sp>
      <p:sp>
        <p:nvSpPr>
          <p:cNvPr id="22" name="Tekstfelt 21">
            <a:extLst>
              <a:ext uri="{FF2B5EF4-FFF2-40B4-BE49-F238E27FC236}">
                <a16:creationId xmlns:a16="http://schemas.microsoft.com/office/drawing/2014/main" id="{380035F5-B0E1-A19D-FBCB-9B35CEEFDB5B}"/>
              </a:ext>
            </a:extLst>
          </p:cNvPr>
          <p:cNvSpPr txBox="1"/>
          <p:nvPr/>
        </p:nvSpPr>
        <p:spPr>
          <a:xfrm>
            <a:off x="10552934" y="5218661"/>
            <a:ext cx="1093094" cy="409343"/>
          </a:xfrm>
          <a:prstGeom prst="rect">
            <a:avLst/>
          </a:prstGeom>
          <a:solidFill>
            <a:srgbClr val="102B48"/>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a:ea typeface="+mn-ea"/>
                <a:cs typeface="+mn-cs"/>
              </a:rPr>
              <a:t>Følg op kontinuerligt </a:t>
            </a:r>
          </a:p>
        </p:txBody>
      </p:sp>
      <p:sp>
        <p:nvSpPr>
          <p:cNvPr id="106" name="Freeform 4">
            <a:extLst>
              <a:ext uri="{FF2B5EF4-FFF2-40B4-BE49-F238E27FC236}">
                <a16:creationId xmlns:a16="http://schemas.microsoft.com/office/drawing/2014/main" id="{5D671EED-7945-2359-6990-151C13C3D3FE}"/>
              </a:ext>
            </a:extLst>
          </p:cNvPr>
          <p:cNvSpPr>
            <a:spLocks noChangeArrowheads="1"/>
          </p:cNvSpPr>
          <p:nvPr/>
        </p:nvSpPr>
        <p:spPr bwMode="auto">
          <a:xfrm>
            <a:off x="9374116" y="5105446"/>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E4E5EA"/>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9" name="Billede 8" descr="Et billede, der indeholder sort, mørke&#10;&#10;AI-genereret indhold kan være ukorrekt.">
            <a:extLst>
              <a:ext uri="{FF2B5EF4-FFF2-40B4-BE49-F238E27FC236}">
                <a16:creationId xmlns:a16="http://schemas.microsoft.com/office/drawing/2014/main" id="{D75B1759-60E2-DDFE-A616-65C3C7B9EAE4}"/>
              </a:ext>
            </a:extLst>
          </p:cNvPr>
          <p:cNvPicPr>
            <a:picLocks noChangeAspect="1"/>
          </p:cNvPicPr>
          <p:nvPr/>
        </p:nvPicPr>
        <p:blipFill>
          <a:blip r:embed="rId5" cstate="print">
            <a:duotone>
              <a:schemeClr val="accent2">
                <a:shade val="45000"/>
                <a:satMod val="135000"/>
              </a:schemeClr>
              <a:prstClr val="white"/>
            </a:duotone>
            <a:extLst>
              <a:ext uri="{28A0092B-C50C-407E-A947-70E740481C1C}">
                <a14:useLocalDpi xmlns:a14="http://schemas.microsoft.com/office/drawing/2010/main" val="0"/>
              </a:ext>
            </a:extLst>
          </a:blip>
          <a:stretch>
            <a:fillRect/>
          </a:stretch>
        </p:blipFill>
        <p:spPr>
          <a:xfrm>
            <a:off x="9518921" y="5277982"/>
            <a:ext cx="710317" cy="710317"/>
          </a:xfrm>
          <a:prstGeom prst="rect">
            <a:avLst/>
          </a:prstGeom>
        </p:spPr>
      </p:pic>
      <p:sp>
        <p:nvSpPr>
          <p:cNvPr id="19" name="Pladsholder til slidenummer 18">
            <a:extLst>
              <a:ext uri="{FF2B5EF4-FFF2-40B4-BE49-F238E27FC236}">
                <a16:creationId xmlns:a16="http://schemas.microsoft.com/office/drawing/2014/main" id="{DBE23365-11F3-B2B6-1F19-78D04271C585}"/>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5</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412855578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051D96-191E-8533-DBB8-1352A1CA7ED7}"/>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B3A0F1E1-1F45-DEF6-6E9A-DF1E79BE1739}"/>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10B3A7FA-E6DC-413E-B600-B3FD14D7AAA0}"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036A2AC2-274E-7ADA-0490-7D60047F254D}"/>
              </a:ext>
            </a:extLst>
          </p:cNvPr>
          <p:cNvSpPr txBox="1">
            <a:spLocks/>
          </p:cNvSpPr>
          <p:nvPr/>
        </p:nvSpPr>
        <p:spPr bwMode="auto">
          <a:xfrm>
            <a:off x="477788" y="695460"/>
            <a:ext cx="6092514"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0" i="0" u="none" strike="noStrike" kern="0" cap="none" spc="-50" normalizeH="0" baseline="0" noProof="0">
                <a:ln>
                  <a:noFill/>
                </a:ln>
                <a:solidFill>
                  <a:srgbClr val="A64443"/>
                </a:solidFill>
                <a:effectLst/>
                <a:uLnTx/>
                <a:uFillTx/>
                <a:latin typeface="AU Passata Light"/>
                <a:ea typeface="+mj-ea"/>
                <a:cs typeface="+mj-cs"/>
              </a:rPr>
              <a:t>Opfølgning i praksis </a:t>
            </a:r>
          </a:p>
        </p:txBody>
      </p:sp>
      <p:sp>
        <p:nvSpPr>
          <p:cNvPr id="13" name="Tekstfelt 12">
            <a:extLst>
              <a:ext uri="{FF2B5EF4-FFF2-40B4-BE49-F238E27FC236}">
                <a16:creationId xmlns:a16="http://schemas.microsoft.com/office/drawing/2014/main" id="{855DD64E-6289-DFD3-26F8-105B0A88F685}"/>
              </a:ext>
            </a:extLst>
          </p:cNvPr>
          <p:cNvSpPr txBox="1"/>
          <p:nvPr/>
        </p:nvSpPr>
        <p:spPr>
          <a:xfrm>
            <a:off x="517394" y="1485632"/>
            <a:ext cx="5359531" cy="4093428"/>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For at fastholde fokus på strategiarbejdet og sikre, at man løbende forholder sig til relevans og retning, kan det være hjælpsomt både at indarbejde ‘hverdagsprioritering’ i allerede eksisterende møder og med en fast kadence for opfølgning – fx hvert kvartal.</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Opfølgningen kan tilrettelægges som en dialog ud fra en fast struktur med fokus på </a:t>
            </a:r>
            <a:r>
              <a:rPr kumimoji="0" lang="da-DK" sz="1400" b="0" i="1" u="none" strike="noStrike" kern="1200" cap="none" spc="0" normalizeH="0" baseline="0" noProof="0">
                <a:ln>
                  <a:noFill/>
                </a:ln>
                <a:solidFill>
                  <a:srgbClr val="000000"/>
                </a:solidFill>
                <a:effectLst/>
                <a:uLnTx/>
                <a:uFillTx/>
                <a:latin typeface="AU Passata" pitchFamily="34" charset="0"/>
                <a:ea typeface="+mn-ea"/>
                <a:cs typeface="+mn-cs"/>
              </a:rPr>
              <a:t>fortid, fremtid og handling </a:t>
            </a: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 Spørgsmålene tilpasses lokalt, og dialogen tager afsæt i et aktuelt fælles situationsbillede og den strategiske intention.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Opfølgningen kan med fordel indarbejdes i allerede eksisterende mødefora – fx 1:1-samtaler, lederfora eller institut- eller afdelingsmøder – så det bliver en naturlig del af driften frem for et ekstra initiativ.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Fokus bør være på </a:t>
            </a: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fælles refleksion og læring, ikke kontrol.</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
        <p:nvSpPr>
          <p:cNvPr id="12" name="Tekstfelt 11">
            <a:extLst>
              <a:ext uri="{FF2B5EF4-FFF2-40B4-BE49-F238E27FC236}">
                <a16:creationId xmlns:a16="http://schemas.microsoft.com/office/drawing/2014/main" id="{A1DC0ECE-620E-8F3C-008E-F497E77A90F7}"/>
              </a:ext>
            </a:extLst>
          </p:cNvPr>
          <p:cNvSpPr txBox="1"/>
          <p:nvPr/>
        </p:nvSpPr>
        <p:spPr>
          <a:xfrm>
            <a:off x="10752759" y="267578"/>
            <a:ext cx="161925" cy="409343"/>
          </a:xfrm>
          <a:prstGeom prst="rect">
            <a:avLst/>
          </a:prstGeom>
          <a:solidFill>
            <a:schemeClr val="bg1"/>
          </a:solidFill>
          <a:ln>
            <a:solidFill>
              <a:schemeClr val="bg1"/>
            </a:solid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5</a:t>
            </a:r>
          </a:p>
        </p:txBody>
      </p:sp>
      <p:sp>
        <p:nvSpPr>
          <p:cNvPr id="14" name="Freeform 4">
            <a:extLst>
              <a:ext uri="{FF2B5EF4-FFF2-40B4-BE49-F238E27FC236}">
                <a16:creationId xmlns:a16="http://schemas.microsoft.com/office/drawing/2014/main" id="{8AAEC4E6-F570-2555-01A2-3C95030C62F6}"/>
              </a:ext>
            </a:extLst>
          </p:cNvPr>
          <p:cNvSpPr>
            <a:spLocks noChangeArrowheads="1"/>
          </p:cNvSpPr>
          <p:nvPr/>
        </p:nvSpPr>
        <p:spPr bwMode="auto">
          <a:xfrm>
            <a:off x="9274667" y="379834"/>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27" name="Tekstfelt 26">
            <a:extLst>
              <a:ext uri="{FF2B5EF4-FFF2-40B4-BE49-F238E27FC236}">
                <a16:creationId xmlns:a16="http://schemas.microsoft.com/office/drawing/2014/main" id="{3D7F005F-2888-AF12-E3A5-CE83318611BA}"/>
              </a:ext>
            </a:extLst>
          </p:cNvPr>
          <p:cNvSpPr txBox="1"/>
          <p:nvPr/>
        </p:nvSpPr>
        <p:spPr>
          <a:xfrm>
            <a:off x="10278225" y="654040"/>
            <a:ext cx="1110995"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dirty="0">
                <a:ln>
                  <a:noFill/>
                </a:ln>
                <a:solidFill>
                  <a:srgbClr val="183D83">
                    <a:lumMod val="50000"/>
                  </a:srgbClr>
                </a:solidFill>
                <a:effectLst/>
                <a:uLnTx/>
                <a:uFillTx/>
                <a:latin typeface="AU Passata" pitchFamily="34" charset="0"/>
                <a:ea typeface="+mn-ea"/>
                <a:cs typeface="+mn-cs"/>
              </a:rPr>
              <a:t>Følg op kontinuerligt</a:t>
            </a:r>
          </a:p>
        </p:txBody>
      </p:sp>
      <p:sp>
        <p:nvSpPr>
          <p:cNvPr id="7" name="Rounded Rectangle 5">
            <a:extLst>
              <a:ext uri="{FF2B5EF4-FFF2-40B4-BE49-F238E27FC236}">
                <a16:creationId xmlns:a16="http://schemas.microsoft.com/office/drawing/2014/main" id="{0E5D1E9F-57A8-65B7-1745-C0B7E385ACCD}"/>
              </a:ext>
            </a:extLst>
          </p:cNvPr>
          <p:cNvSpPr/>
          <p:nvPr/>
        </p:nvSpPr>
        <p:spPr>
          <a:xfrm>
            <a:off x="477788" y="4928533"/>
            <a:ext cx="5169031" cy="1444990"/>
          </a:xfrm>
          <a:prstGeom prst="roundRect">
            <a:avLst/>
          </a:prstGeom>
          <a:solidFill>
            <a:srgbClr val="102B48"/>
          </a:solidFill>
          <a:ln w="15875">
            <a:noFill/>
          </a:ln>
          <a:effectLst/>
        </p:spPr>
        <p:style>
          <a:lnRef idx="2">
            <a:schemeClr val="accent1">
              <a:shade val="50000"/>
            </a:schemeClr>
          </a:lnRef>
          <a:fillRef idx="1">
            <a:schemeClr val="accent1"/>
          </a:fillRef>
          <a:effectRef idx="0">
            <a:schemeClr val="accent1"/>
          </a:effectRef>
          <a:fontRef idx="minor">
            <a:schemeClr val="lt1"/>
          </a:fontRef>
        </p:style>
        <p:txBody>
          <a:bodyPr lIns="89977" rtlCol="0" anchor="ctr"/>
          <a:lstStyle/>
          <a:p>
            <a:pPr marL="0" marR="0" lvl="0" indent="0" algn="ctr" defTabSz="914400" rtl="0" eaLnBrk="1" fontAlgn="base" latinLnBrk="0" hangingPunct="1">
              <a:lnSpc>
                <a:spcPts val="4799"/>
              </a:lnSpc>
              <a:spcBef>
                <a:spcPct val="0"/>
              </a:spcBef>
              <a:spcAft>
                <a:spcPct val="0"/>
              </a:spcAft>
              <a:buClrTx/>
              <a:buSzTx/>
              <a:buFont typeface="AU Passata" pitchFamily="34" charset="0"/>
              <a:buNone/>
              <a:tabLst/>
              <a:defRPr/>
            </a:pPr>
            <a:endParaRPr kumimoji="0" lang="uk-UA" sz="1000" b="0" i="0" u="none" strike="noStrike" kern="1200" cap="none" spc="0" normalizeH="0" baseline="0" noProof="0">
              <a:ln>
                <a:noFill/>
              </a:ln>
              <a:solidFill>
                <a:srgbClr val="FFFFFF"/>
              </a:solidFill>
              <a:effectLst/>
              <a:uLnTx/>
              <a:uFillTx/>
              <a:latin typeface="Lato Light" panose="020F0502020204030203" pitchFamily="34" charset="0"/>
              <a:ea typeface="+mn-ea"/>
              <a:cs typeface="+mn-cs"/>
            </a:endParaRPr>
          </a:p>
        </p:txBody>
      </p:sp>
      <p:sp>
        <p:nvSpPr>
          <p:cNvPr id="11" name="Tekstfelt 10">
            <a:extLst>
              <a:ext uri="{FF2B5EF4-FFF2-40B4-BE49-F238E27FC236}">
                <a16:creationId xmlns:a16="http://schemas.microsoft.com/office/drawing/2014/main" id="{5A816436-2DE5-F73D-1AD8-96912134D972}"/>
              </a:ext>
            </a:extLst>
          </p:cNvPr>
          <p:cNvSpPr txBox="1"/>
          <p:nvPr/>
        </p:nvSpPr>
        <p:spPr>
          <a:xfrm>
            <a:off x="623048" y="4999929"/>
            <a:ext cx="4922548" cy="1292662"/>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a:ea typeface="+mn-ea"/>
                <a:cs typeface="+mn-cs"/>
              </a:rPr>
              <a:t>Metodeovervejels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Opfølgning og hverdagsprioritering kræver ikke nødvendigvis nye processer – ”blot” opmærksomhed.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Når strategien bliver en naturlig del af samtaler og beslutninger i dagligdagen, skabes en stærk forbindelse mellem strategi og praksis.</a:t>
            </a:r>
            <a:endParaRPr kumimoji="0" lang="en-GB" sz="1400" b="0" i="0" u="none" strike="noStrike" kern="1200" cap="none" spc="0" normalizeH="0" baseline="0" noProof="0">
              <a:ln>
                <a:noFill/>
              </a:ln>
              <a:solidFill>
                <a:srgbClr val="FFFFFF"/>
              </a:solidFill>
              <a:effectLst/>
              <a:uLnTx/>
              <a:uFillTx/>
              <a:latin typeface="AU Passata" pitchFamily="34" charset="0"/>
              <a:ea typeface="+mn-ea"/>
              <a:cs typeface="+mn-cs"/>
            </a:endParaRPr>
          </a:p>
        </p:txBody>
      </p:sp>
      <p:pic>
        <p:nvPicPr>
          <p:cNvPr id="5" name="Billede 4" descr="Et billede, der indeholder sort, mørke&#10;&#10;AI-genereret indhold kan være ukorrekt.">
            <a:extLst>
              <a:ext uri="{FF2B5EF4-FFF2-40B4-BE49-F238E27FC236}">
                <a16:creationId xmlns:a16="http://schemas.microsoft.com/office/drawing/2014/main" id="{B5EEB1C6-FDA1-2C00-9D1A-639A578BF54B}"/>
              </a:ext>
            </a:extLst>
          </p:cNvPr>
          <p:cNvPicPr>
            <a:picLocks noChangeAspect="1"/>
          </p:cNvPicPr>
          <p:nvPr/>
        </p:nvPicPr>
        <p:blipFill>
          <a:blip r:embed="rId3" cstate="print">
            <a:lum bright="70000" contrast="-70000"/>
            <a:extLst>
              <a:ext uri="{28A0092B-C50C-407E-A947-70E740481C1C}">
                <a14:useLocalDpi xmlns:a14="http://schemas.microsoft.com/office/drawing/2010/main" val="0"/>
              </a:ext>
            </a:extLst>
          </a:blip>
          <a:stretch>
            <a:fillRect/>
          </a:stretch>
        </p:blipFill>
        <p:spPr>
          <a:xfrm>
            <a:off x="9420925" y="544190"/>
            <a:ext cx="710317" cy="710317"/>
          </a:xfrm>
          <a:prstGeom prst="rect">
            <a:avLst/>
          </a:prstGeom>
        </p:spPr>
      </p:pic>
      <p:sp>
        <p:nvSpPr>
          <p:cNvPr id="15" name="Tekstfelt 14">
            <a:extLst>
              <a:ext uri="{FF2B5EF4-FFF2-40B4-BE49-F238E27FC236}">
                <a16:creationId xmlns:a16="http://schemas.microsoft.com/office/drawing/2014/main" id="{C636AF52-6D86-E796-5FB7-658FEDB74081}"/>
              </a:ext>
            </a:extLst>
          </p:cNvPr>
          <p:cNvSpPr txBox="1"/>
          <p:nvPr/>
        </p:nvSpPr>
        <p:spPr>
          <a:xfrm>
            <a:off x="5876925" y="3173547"/>
            <a:ext cx="5287986" cy="215444"/>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Forslag til kvartalsvis struktur for </a:t>
            </a: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opfølgning</a:t>
            </a:r>
          </a:p>
        </p:txBody>
      </p:sp>
      <p:sp>
        <p:nvSpPr>
          <p:cNvPr id="2" name="Pladsholder til slidenummer 1">
            <a:extLst>
              <a:ext uri="{FF2B5EF4-FFF2-40B4-BE49-F238E27FC236}">
                <a16:creationId xmlns:a16="http://schemas.microsoft.com/office/drawing/2014/main" id="{DDE6D225-6F5E-2ED7-5447-5065AAC09543}"/>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6</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graphicFrame>
        <p:nvGraphicFramePr>
          <p:cNvPr id="3" name="Tabel 2">
            <a:extLst>
              <a:ext uri="{FF2B5EF4-FFF2-40B4-BE49-F238E27FC236}">
                <a16:creationId xmlns:a16="http://schemas.microsoft.com/office/drawing/2014/main" id="{A3CBBA99-F5D7-6032-2811-6262A6D468CD}"/>
              </a:ext>
            </a:extLst>
          </p:cNvPr>
          <p:cNvGraphicFramePr>
            <a:graphicFrameLocks noGrp="1"/>
          </p:cNvGraphicFramePr>
          <p:nvPr/>
        </p:nvGraphicFramePr>
        <p:xfrm>
          <a:off x="5859911" y="3424624"/>
          <a:ext cx="6004851" cy="3260150"/>
        </p:xfrm>
        <a:graphic>
          <a:graphicData uri="http://schemas.openxmlformats.org/drawingml/2006/table">
            <a:tbl>
              <a:tblPr/>
              <a:tblGrid>
                <a:gridCol w="1142121">
                  <a:extLst>
                    <a:ext uri="{9D8B030D-6E8A-4147-A177-3AD203B41FA5}">
                      <a16:colId xmlns:a16="http://schemas.microsoft.com/office/drawing/2014/main" val="638442206"/>
                    </a:ext>
                  </a:extLst>
                </a:gridCol>
                <a:gridCol w="2652841">
                  <a:extLst>
                    <a:ext uri="{9D8B030D-6E8A-4147-A177-3AD203B41FA5}">
                      <a16:colId xmlns:a16="http://schemas.microsoft.com/office/drawing/2014/main" val="1844583540"/>
                    </a:ext>
                  </a:extLst>
                </a:gridCol>
                <a:gridCol w="2209889">
                  <a:extLst>
                    <a:ext uri="{9D8B030D-6E8A-4147-A177-3AD203B41FA5}">
                      <a16:colId xmlns:a16="http://schemas.microsoft.com/office/drawing/2014/main" val="3560314350"/>
                    </a:ext>
                  </a:extLst>
                </a:gridCol>
              </a:tblGrid>
              <a:tr h="223797">
                <a:tc>
                  <a:txBody>
                    <a:bodyPr/>
                    <a:lstStyle/>
                    <a:p>
                      <a:pPr>
                        <a:buNone/>
                      </a:pPr>
                      <a:r>
                        <a:rPr lang="da-DK" sz="1100" b="1">
                          <a:solidFill>
                            <a:schemeClr val="bg1"/>
                          </a:solidFill>
                        </a:rPr>
                        <a:t>Fokusområde</a:t>
                      </a:r>
                      <a:endParaRPr lang="da-DK" sz="1100">
                        <a:solidFill>
                          <a:schemeClr val="bg1"/>
                        </a:solidFill>
                      </a:endParaRPr>
                    </a:p>
                  </a:txBody>
                  <a:tcPr marL="82054" marR="82054" marT="41027" marB="41027" anchor="ctr">
                    <a:lnL>
                      <a:noFill/>
                    </a:lnL>
                    <a:lnR>
                      <a:noFill/>
                    </a:lnR>
                    <a:lnT>
                      <a:noFill/>
                    </a:lnT>
                    <a:lnB>
                      <a:noFill/>
                    </a:lnB>
                    <a:solidFill>
                      <a:srgbClr val="102B48"/>
                    </a:solidFill>
                  </a:tcPr>
                </a:tc>
                <a:tc>
                  <a:txBody>
                    <a:bodyPr/>
                    <a:lstStyle/>
                    <a:p>
                      <a:pPr>
                        <a:buNone/>
                      </a:pPr>
                      <a:r>
                        <a:rPr lang="da-DK" sz="1100" b="1">
                          <a:solidFill>
                            <a:schemeClr val="bg1"/>
                          </a:solidFill>
                        </a:rPr>
                        <a:t>Spørgsmål til refleksion</a:t>
                      </a:r>
                      <a:endParaRPr lang="da-DK" sz="1100">
                        <a:solidFill>
                          <a:schemeClr val="bg1"/>
                        </a:solidFill>
                      </a:endParaRPr>
                    </a:p>
                  </a:txBody>
                  <a:tcPr marL="82054" marR="82054" marT="41027" marB="41027" anchor="ctr">
                    <a:lnL>
                      <a:noFill/>
                    </a:lnL>
                    <a:lnR>
                      <a:noFill/>
                    </a:lnR>
                    <a:lnT>
                      <a:noFill/>
                    </a:lnT>
                    <a:lnB w="12700" cap="flat" cmpd="sng" algn="ctr">
                      <a:solidFill>
                        <a:schemeClr val="bg1">
                          <a:lumMod val="75000"/>
                        </a:schemeClr>
                      </a:solidFill>
                      <a:prstDash val="solid"/>
                      <a:round/>
                      <a:headEnd type="none" w="med" len="med"/>
                      <a:tailEnd type="none" w="med" len="med"/>
                    </a:lnB>
                    <a:solidFill>
                      <a:srgbClr val="102B48"/>
                    </a:solidFill>
                  </a:tcPr>
                </a:tc>
                <a:tc>
                  <a:txBody>
                    <a:bodyPr/>
                    <a:lstStyle/>
                    <a:p>
                      <a:pPr>
                        <a:buNone/>
                      </a:pPr>
                      <a:r>
                        <a:rPr lang="da-DK" sz="1100" b="1">
                          <a:solidFill>
                            <a:schemeClr val="bg1"/>
                          </a:solidFill>
                        </a:rPr>
                        <a:t>Typiske handlinger</a:t>
                      </a:r>
                      <a:endParaRPr lang="da-DK" sz="1100">
                        <a:solidFill>
                          <a:schemeClr val="bg1"/>
                        </a:solidFill>
                      </a:endParaRPr>
                    </a:p>
                  </a:txBody>
                  <a:tcPr marL="82054" marR="82054" marT="41027" marB="41027" anchor="ctr">
                    <a:lnL>
                      <a:noFill/>
                    </a:lnL>
                    <a:lnR>
                      <a:noFill/>
                    </a:lnR>
                    <a:lnT>
                      <a:noFill/>
                    </a:lnT>
                    <a:lnB w="12700" cap="flat" cmpd="sng" algn="ctr">
                      <a:solidFill>
                        <a:schemeClr val="bg1">
                          <a:lumMod val="75000"/>
                        </a:schemeClr>
                      </a:solidFill>
                      <a:prstDash val="solid"/>
                      <a:round/>
                      <a:headEnd type="none" w="med" len="med"/>
                      <a:tailEnd type="none" w="med" len="med"/>
                    </a:lnB>
                    <a:solidFill>
                      <a:srgbClr val="102B48"/>
                    </a:solidFill>
                  </a:tcPr>
                </a:tc>
                <a:extLst>
                  <a:ext uri="{0D108BD9-81ED-4DB2-BD59-A6C34878D82A}">
                    <a16:rowId xmlns:a16="http://schemas.microsoft.com/office/drawing/2014/main" val="3898048941"/>
                  </a:ext>
                </a:extLst>
              </a:tr>
              <a:tr h="391626">
                <a:tc>
                  <a:txBody>
                    <a:bodyPr/>
                    <a:lstStyle/>
                    <a:p>
                      <a:pPr>
                        <a:buNone/>
                      </a:pPr>
                      <a:r>
                        <a:rPr lang="da-DK" sz="1100" b="1">
                          <a:solidFill>
                            <a:srgbClr val="102B48"/>
                          </a:solidFill>
                        </a:rPr>
                        <a:t>Forberedelse</a:t>
                      </a:r>
                      <a:endParaRPr lang="da-DK" sz="1100">
                        <a:solidFill>
                          <a:srgbClr val="102B48"/>
                        </a:solidFill>
                      </a:endParaRPr>
                    </a:p>
                  </a:txBody>
                  <a:tcPr marL="82054" marR="82054" marT="41027" marB="41027" anchor="ctr">
                    <a:lnL>
                      <a:noFill/>
                    </a:lnL>
                    <a:lnR w="12700" cap="flat" cmpd="sng" algn="ctr">
                      <a:solidFill>
                        <a:schemeClr val="bg1">
                          <a:lumMod val="75000"/>
                        </a:schemeClr>
                      </a:solidFill>
                      <a:prstDash val="solid"/>
                      <a:round/>
                      <a:headEnd type="none" w="med" len="med"/>
                      <a:tailEnd type="none" w="med" len="med"/>
                    </a:lnR>
                    <a:lnT>
                      <a:noFill/>
                    </a:lnT>
                    <a:lnB w="12700" cap="flat" cmpd="sng" algn="ctr">
                      <a:solidFill>
                        <a:srgbClr val="102B48"/>
                      </a:solidFill>
                      <a:prstDash val="solid"/>
                      <a:round/>
                      <a:headEnd type="none" w="med" len="med"/>
                      <a:tailEnd type="none" w="med" len="med"/>
                    </a:lnB>
                    <a:solidFill>
                      <a:srgbClr val="102B48">
                        <a:alpha val="45000"/>
                      </a:srgbClr>
                    </a:solidFill>
                  </a:tcPr>
                </a:tc>
                <a:tc>
                  <a:txBody>
                    <a:bodyPr/>
                    <a:lstStyle/>
                    <a:p>
                      <a:pPr>
                        <a:buNone/>
                      </a:pPr>
                      <a:r>
                        <a:rPr lang="da-DK" sz="1100"/>
                        <a:t>Hvad viser vores nøgletal, økonomi, trivsel, fremdrift mm. om status nu?</a:t>
                      </a:r>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tc>
                  <a:txBody>
                    <a:bodyPr/>
                    <a:lstStyle/>
                    <a:p>
                      <a:pPr>
                        <a:buNone/>
                      </a:pPr>
                      <a:r>
                        <a:rPr lang="da-DK" sz="1100"/>
                        <a:t>Saml data og observationer som grundlag for dialogen</a:t>
                      </a:r>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extLst>
                  <a:ext uri="{0D108BD9-81ED-4DB2-BD59-A6C34878D82A}">
                    <a16:rowId xmlns:a16="http://schemas.microsoft.com/office/drawing/2014/main" val="2307512254"/>
                  </a:ext>
                </a:extLst>
              </a:tr>
              <a:tr h="391626">
                <a:tc>
                  <a:txBody>
                    <a:bodyPr/>
                    <a:lstStyle/>
                    <a:p>
                      <a:pPr>
                        <a:buNone/>
                      </a:pPr>
                      <a:r>
                        <a:rPr lang="da-DK" sz="1100" b="1">
                          <a:solidFill>
                            <a:srgbClr val="102B48"/>
                          </a:solidFill>
                        </a:rPr>
                        <a:t>Fortid</a:t>
                      </a:r>
                      <a:endParaRPr lang="da-DK" sz="1100">
                        <a:solidFill>
                          <a:srgbClr val="102B48"/>
                        </a:solidFill>
                      </a:endParaRPr>
                    </a:p>
                  </a:txBody>
                  <a:tcPr marL="82054" marR="82054" marT="41027" marB="41027" anchor="ctr">
                    <a:lnL>
                      <a:noFill/>
                    </a:lnL>
                    <a:lnR w="12700" cap="flat" cmpd="sng" algn="ctr">
                      <a:solidFill>
                        <a:schemeClr val="bg1">
                          <a:lumMod val="75000"/>
                        </a:schemeClr>
                      </a:solidFill>
                      <a:prstDash val="solid"/>
                      <a:round/>
                      <a:headEnd type="none" w="med" len="med"/>
                      <a:tailEnd type="none" w="med" len="med"/>
                    </a:lnR>
                    <a:lnT w="12700" cap="flat" cmpd="sng" algn="ctr">
                      <a:solidFill>
                        <a:srgbClr val="102B48"/>
                      </a:solidFill>
                      <a:prstDash val="solid"/>
                      <a:round/>
                      <a:headEnd type="none" w="med" len="med"/>
                      <a:tailEnd type="none" w="med" len="med"/>
                    </a:lnT>
                    <a:lnB w="12700" cap="flat" cmpd="sng" algn="ctr">
                      <a:solidFill>
                        <a:srgbClr val="102B48"/>
                      </a:solidFill>
                      <a:prstDash val="solid"/>
                      <a:round/>
                      <a:headEnd type="none" w="med" len="med"/>
                      <a:tailEnd type="none" w="med" len="med"/>
                    </a:lnB>
                    <a:solidFill>
                      <a:srgbClr val="102B48">
                        <a:alpha val="45000"/>
                      </a:srgbClr>
                    </a:solidFill>
                  </a:tcPr>
                </a:tc>
                <a:tc>
                  <a:txBody>
                    <a:bodyPr/>
                    <a:lstStyle/>
                    <a:p>
                      <a:pPr>
                        <a:buNone/>
                      </a:pPr>
                      <a:r>
                        <a:rPr lang="da-DK" sz="1100"/>
                        <a:t>Hvad har vi opnået siden sidst, og hvad kan vi lære af det?</a:t>
                      </a:r>
                    </a:p>
                    <a:p>
                      <a:pPr marL="0" marR="0" lvl="0" indent="0" algn="l" defTabSz="914126" rtl="0" eaLnBrk="1" fontAlgn="auto" latinLnBrk="0" hangingPunct="1">
                        <a:lnSpc>
                          <a:spcPct val="100000"/>
                        </a:lnSpc>
                        <a:spcBef>
                          <a:spcPts val="0"/>
                        </a:spcBef>
                        <a:spcAft>
                          <a:spcPts val="0"/>
                        </a:spcAft>
                        <a:buClrTx/>
                        <a:buSzTx/>
                        <a:buFontTx/>
                        <a:buNone/>
                        <a:tabLst/>
                        <a:defRPr/>
                      </a:pPr>
                      <a:r>
                        <a:rPr lang="da-DK" sz="1100"/>
                        <a:t>Så hvad er det nuværende situationsbillede?</a:t>
                      </a:r>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tc>
                  <a:txBody>
                    <a:bodyPr/>
                    <a:lstStyle/>
                    <a:p>
                      <a:pPr>
                        <a:buNone/>
                      </a:pPr>
                      <a:r>
                        <a:rPr lang="da-DK" sz="1100"/>
                        <a:t>Del resultater, erfaringer og læringspunkter</a:t>
                      </a:r>
                    </a:p>
                    <a:p>
                      <a:pPr>
                        <a:buNone/>
                      </a:pPr>
                      <a:r>
                        <a:rPr lang="da-DK" sz="1100"/>
                        <a:t>Gennemfør evt. mini SWOT</a:t>
                      </a:r>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extLst>
                  <a:ext uri="{0D108BD9-81ED-4DB2-BD59-A6C34878D82A}">
                    <a16:rowId xmlns:a16="http://schemas.microsoft.com/office/drawing/2014/main" val="1322958457"/>
                  </a:ext>
                </a:extLst>
              </a:tr>
              <a:tr h="391626">
                <a:tc>
                  <a:txBody>
                    <a:bodyPr/>
                    <a:lstStyle/>
                    <a:p>
                      <a:pPr>
                        <a:buNone/>
                      </a:pPr>
                      <a:r>
                        <a:rPr lang="da-DK" sz="1100" b="1">
                          <a:solidFill>
                            <a:srgbClr val="102B48"/>
                          </a:solidFill>
                        </a:rPr>
                        <a:t>Fremtid</a:t>
                      </a:r>
                      <a:endParaRPr lang="da-DK" sz="1100">
                        <a:solidFill>
                          <a:srgbClr val="102B48"/>
                        </a:solidFill>
                      </a:endParaRPr>
                    </a:p>
                  </a:txBody>
                  <a:tcPr marL="82054" marR="82054" marT="41027" marB="41027" anchor="ctr">
                    <a:lnL>
                      <a:noFill/>
                    </a:lnL>
                    <a:lnR w="12700" cap="flat" cmpd="sng" algn="ctr">
                      <a:solidFill>
                        <a:schemeClr val="bg1">
                          <a:lumMod val="75000"/>
                        </a:schemeClr>
                      </a:solidFill>
                      <a:prstDash val="solid"/>
                      <a:round/>
                      <a:headEnd type="none" w="med" len="med"/>
                      <a:tailEnd type="none" w="med" len="med"/>
                    </a:lnR>
                    <a:lnT w="12700" cap="flat" cmpd="sng" algn="ctr">
                      <a:solidFill>
                        <a:srgbClr val="102B48"/>
                      </a:solidFill>
                      <a:prstDash val="solid"/>
                      <a:round/>
                      <a:headEnd type="none" w="med" len="med"/>
                      <a:tailEnd type="none" w="med" len="med"/>
                    </a:lnT>
                    <a:lnB w="12700" cap="flat" cmpd="sng" algn="ctr">
                      <a:solidFill>
                        <a:srgbClr val="102B48"/>
                      </a:solidFill>
                      <a:prstDash val="solid"/>
                      <a:round/>
                      <a:headEnd type="none" w="med" len="med"/>
                      <a:tailEnd type="none" w="med" len="med"/>
                    </a:lnB>
                    <a:solidFill>
                      <a:srgbClr val="102B48">
                        <a:alpha val="45000"/>
                      </a:srgbClr>
                    </a:solidFill>
                  </a:tcPr>
                </a:tc>
                <a:tc>
                  <a:txBody>
                    <a:bodyPr/>
                    <a:lstStyle/>
                    <a:p>
                      <a:pPr>
                        <a:buNone/>
                      </a:pPr>
                      <a:r>
                        <a:rPr lang="da-DK" sz="1100"/>
                        <a:t>Er de samlende bevægelser stadig de rigtige eller skal de justeres? </a:t>
                      </a:r>
                    </a:p>
                    <a:p>
                      <a:pPr>
                        <a:buNone/>
                      </a:pPr>
                      <a:r>
                        <a:rPr lang="da-DK" sz="1100"/>
                        <a:t>Og hvad er de konkrete mål og prioriteringer nu?</a:t>
                      </a:r>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tc>
                  <a:txBody>
                    <a:bodyPr/>
                    <a:lstStyle/>
                    <a:p>
                      <a:pPr>
                        <a:buNone/>
                      </a:pPr>
                      <a:r>
                        <a:rPr lang="da-DK" sz="1100"/>
                        <a:t>Revider fokusområder, justér formulering af de samlende bevægelser og aftal nye skridt</a:t>
                      </a:r>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extLst>
                  <a:ext uri="{0D108BD9-81ED-4DB2-BD59-A6C34878D82A}">
                    <a16:rowId xmlns:a16="http://schemas.microsoft.com/office/drawing/2014/main" val="2411810121"/>
                  </a:ext>
                </a:extLst>
              </a:tr>
              <a:tr h="559455">
                <a:tc>
                  <a:txBody>
                    <a:bodyPr/>
                    <a:lstStyle/>
                    <a:p>
                      <a:pPr>
                        <a:buNone/>
                      </a:pPr>
                      <a:r>
                        <a:rPr lang="da-DK" sz="1100" b="1">
                          <a:solidFill>
                            <a:srgbClr val="102B48"/>
                          </a:solidFill>
                        </a:rPr>
                        <a:t>Handling</a:t>
                      </a:r>
                      <a:endParaRPr lang="da-DK" sz="1100">
                        <a:solidFill>
                          <a:srgbClr val="102B48"/>
                        </a:solidFill>
                      </a:endParaRPr>
                    </a:p>
                  </a:txBody>
                  <a:tcPr marL="82054" marR="82054" marT="41027" marB="41027" anchor="ctr">
                    <a:lnL>
                      <a:noFill/>
                    </a:lnL>
                    <a:lnR w="12700" cap="flat" cmpd="sng" algn="ctr">
                      <a:solidFill>
                        <a:schemeClr val="bg1">
                          <a:lumMod val="75000"/>
                        </a:schemeClr>
                      </a:solidFill>
                      <a:prstDash val="solid"/>
                      <a:round/>
                      <a:headEnd type="none" w="med" len="med"/>
                      <a:tailEnd type="none" w="med" len="med"/>
                    </a:lnR>
                    <a:lnT w="12700" cap="flat" cmpd="sng" algn="ctr">
                      <a:solidFill>
                        <a:srgbClr val="102B48"/>
                      </a:solidFill>
                      <a:prstDash val="solid"/>
                      <a:round/>
                      <a:headEnd type="none" w="med" len="med"/>
                      <a:tailEnd type="none" w="med" len="med"/>
                    </a:lnT>
                    <a:lnB w="12700" cap="flat" cmpd="sng" algn="ctr">
                      <a:solidFill>
                        <a:srgbClr val="102B48"/>
                      </a:solidFill>
                      <a:prstDash val="solid"/>
                      <a:round/>
                      <a:headEnd type="none" w="med" len="med"/>
                      <a:tailEnd type="none" w="med" len="med"/>
                    </a:lnB>
                    <a:solidFill>
                      <a:srgbClr val="102B48">
                        <a:alpha val="45000"/>
                      </a:srgbClr>
                    </a:solidFill>
                  </a:tcPr>
                </a:tc>
                <a:tc>
                  <a:txBody>
                    <a:bodyPr/>
                    <a:lstStyle/>
                    <a:p>
                      <a:pPr>
                        <a:buNone/>
                      </a:pPr>
                      <a:r>
                        <a:rPr lang="da-DK" sz="1100"/>
                        <a:t>Hvad er de vigtigste opgaver de næste måneder – hvem gør hvad?</a:t>
                      </a:r>
                    </a:p>
                    <a:p>
                      <a:pPr>
                        <a:buNone/>
                      </a:pPr>
                      <a:r>
                        <a:rPr lang="da-DK" sz="1100"/>
                        <a:t>Hvad er den vigtigste lederopgave I det kommende kvartal?</a:t>
                      </a:r>
                    </a:p>
                    <a:p>
                      <a:pPr>
                        <a:buNone/>
                      </a:pPr>
                      <a:r>
                        <a:rPr lang="da-DK" sz="1100"/>
                        <a:t>Tværgående: har vi brug for andre eller har de brug for os?</a:t>
                      </a:r>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tc>
                  <a:txBody>
                    <a:bodyPr/>
                    <a:lstStyle/>
                    <a:p>
                      <a:pPr>
                        <a:buNone/>
                      </a:pPr>
                      <a:r>
                        <a:rPr lang="da-DK" sz="1100"/>
                        <a:t>Opdater kortsigtede opgavelister</a:t>
                      </a:r>
                    </a:p>
                    <a:p>
                      <a:pPr>
                        <a:buNone/>
                      </a:pPr>
                      <a:r>
                        <a:rPr lang="da-DK" sz="1100"/>
                        <a:t>Skab relevant koordinering </a:t>
                      </a:r>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extLst>
                  <a:ext uri="{0D108BD9-81ED-4DB2-BD59-A6C34878D82A}">
                    <a16:rowId xmlns:a16="http://schemas.microsoft.com/office/drawing/2014/main" val="1200883813"/>
                  </a:ext>
                </a:extLst>
              </a:tr>
            </a:tbl>
          </a:graphicData>
        </a:graphic>
      </p:graphicFrame>
      <p:graphicFrame>
        <p:nvGraphicFramePr>
          <p:cNvPr id="6" name="Tabel 5">
            <a:extLst>
              <a:ext uri="{FF2B5EF4-FFF2-40B4-BE49-F238E27FC236}">
                <a16:creationId xmlns:a16="http://schemas.microsoft.com/office/drawing/2014/main" id="{EBCA7EE2-BD0C-EC08-3966-F0035F77DB63}"/>
              </a:ext>
            </a:extLst>
          </p:cNvPr>
          <p:cNvGraphicFramePr>
            <a:graphicFrameLocks noGrp="1"/>
          </p:cNvGraphicFramePr>
          <p:nvPr/>
        </p:nvGraphicFramePr>
        <p:xfrm>
          <a:off x="5876925" y="1692415"/>
          <a:ext cx="6004851" cy="1337588"/>
        </p:xfrm>
        <a:graphic>
          <a:graphicData uri="http://schemas.openxmlformats.org/drawingml/2006/table">
            <a:tbl>
              <a:tblPr/>
              <a:tblGrid>
                <a:gridCol w="1142121">
                  <a:extLst>
                    <a:ext uri="{9D8B030D-6E8A-4147-A177-3AD203B41FA5}">
                      <a16:colId xmlns:a16="http://schemas.microsoft.com/office/drawing/2014/main" val="638442206"/>
                    </a:ext>
                  </a:extLst>
                </a:gridCol>
                <a:gridCol w="2458329">
                  <a:extLst>
                    <a:ext uri="{9D8B030D-6E8A-4147-A177-3AD203B41FA5}">
                      <a16:colId xmlns:a16="http://schemas.microsoft.com/office/drawing/2014/main" val="1844583540"/>
                    </a:ext>
                  </a:extLst>
                </a:gridCol>
                <a:gridCol w="2404401">
                  <a:extLst>
                    <a:ext uri="{9D8B030D-6E8A-4147-A177-3AD203B41FA5}">
                      <a16:colId xmlns:a16="http://schemas.microsoft.com/office/drawing/2014/main" val="3560314350"/>
                    </a:ext>
                  </a:extLst>
                </a:gridCol>
              </a:tblGrid>
              <a:tr h="223797">
                <a:tc>
                  <a:txBody>
                    <a:bodyPr/>
                    <a:lstStyle/>
                    <a:p>
                      <a:pPr>
                        <a:buNone/>
                      </a:pPr>
                      <a:r>
                        <a:rPr lang="da-DK" sz="1100" b="1">
                          <a:solidFill>
                            <a:schemeClr val="bg1"/>
                          </a:solidFill>
                        </a:rPr>
                        <a:t>Fokusområde</a:t>
                      </a:r>
                      <a:endParaRPr lang="da-DK" sz="1100">
                        <a:solidFill>
                          <a:schemeClr val="bg1"/>
                        </a:solidFill>
                      </a:endParaRPr>
                    </a:p>
                  </a:txBody>
                  <a:tcPr marL="82054" marR="82054" marT="41027" marB="41027" anchor="ctr">
                    <a:lnL>
                      <a:noFill/>
                    </a:lnL>
                    <a:lnR>
                      <a:noFill/>
                    </a:lnR>
                    <a:lnT>
                      <a:noFill/>
                    </a:lnT>
                    <a:lnB>
                      <a:noFill/>
                    </a:lnB>
                    <a:solidFill>
                      <a:srgbClr val="102B48"/>
                    </a:solidFill>
                  </a:tcPr>
                </a:tc>
                <a:tc>
                  <a:txBody>
                    <a:bodyPr/>
                    <a:lstStyle/>
                    <a:p>
                      <a:pPr>
                        <a:buNone/>
                      </a:pPr>
                      <a:r>
                        <a:rPr lang="da-DK" sz="1100" b="1">
                          <a:solidFill>
                            <a:schemeClr val="bg1"/>
                          </a:solidFill>
                        </a:rPr>
                        <a:t>Spørgsmål til refleksion</a:t>
                      </a:r>
                      <a:endParaRPr lang="da-DK" sz="1100">
                        <a:solidFill>
                          <a:schemeClr val="bg1"/>
                        </a:solidFill>
                      </a:endParaRPr>
                    </a:p>
                  </a:txBody>
                  <a:tcPr marL="82054" marR="82054" marT="41027" marB="41027" anchor="ctr">
                    <a:lnL>
                      <a:noFill/>
                    </a:lnL>
                    <a:lnR>
                      <a:noFill/>
                    </a:lnR>
                    <a:lnT>
                      <a:noFill/>
                    </a:lnT>
                    <a:lnB w="12700" cap="flat" cmpd="sng" algn="ctr">
                      <a:solidFill>
                        <a:schemeClr val="bg1">
                          <a:lumMod val="75000"/>
                        </a:schemeClr>
                      </a:solidFill>
                      <a:prstDash val="solid"/>
                      <a:round/>
                      <a:headEnd type="none" w="med" len="med"/>
                      <a:tailEnd type="none" w="med" len="med"/>
                    </a:lnB>
                    <a:solidFill>
                      <a:srgbClr val="102B48"/>
                    </a:solidFill>
                  </a:tcPr>
                </a:tc>
                <a:tc>
                  <a:txBody>
                    <a:bodyPr/>
                    <a:lstStyle/>
                    <a:p>
                      <a:pPr>
                        <a:buNone/>
                      </a:pPr>
                      <a:r>
                        <a:rPr lang="da-DK" sz="1100" b="1">
                          <a:solidFill>
                            <a:schemeClr val="bg1"/>
                          </a:solidFill>
                        </a:rPr>
                        <a:t>Typiske handlinger</a:t>
                      </a:r>
                      <a:endParaRPr lang="da-DK" sz="1100">
                        <a:solidFill>
                          <a:schemeClr val="bg1"/>
                        </a:solidFill>
                      </a:endParaRPr>
                    </a:p>
                  </a:txBody>
                  <a:tcPr marL="82054" marR="82054" marT="41027" marB="41027" anchor="ctr">
                    <a:lnL>
                      <a:noFill/>
                    </a:lnL>
                    <a:lnR>
                      <a:noFill/>
                    </a:lnR>
                    <a:lnT>
                      <a:noFill/>
                    </a:lnT>
                    <a:lnB w="12700" cap="flat" cmpd="sng" algn="ctr">
                      <a:solidFill>
                        <a:schemeClr val="bg1">
                          <a:lumMod val="75000"/>
                        </a:schemeClr>
                      </a:solidFill>
                      <a:prstDash val="solid"/>
                      <a:round/>
                      <a:headEnd type="none" w="med" len="med"/>
                      <a:tailEnd type="none" w="med" len="med"/>
                    </a:lnB>
                    <a:solidFill>
                      <a:srgbClr val="102B48"/>
                    </a:solidFill>
                  </a:tcPr>
                </a:tc>
                <a:extLst>
                  <a:ext uri="{0D108BD9-81ED-4DB2-BD59-A6C34878D82A}">
                    <a16:rowId xmlns:a16="http://schemas.microsoft.com/office/drawing/2014/main" val="3898048941"/>
                  </a:ext>
                </a:extLst>
              </a:tr>
              <a:tr h="727283">
                <a:tc>
                  <a:txBody>
                    <a:bodyPr/>
                    <a:lstStyle/>
                    <a:p>
                      <a:pPr>
                        <a:buNone/>
                      </a:pPr>
                      <a:r>
                        <a:rPr lang="da-DK" sz="1100" b="1">
                          <a:solidFill>
                            <a:srgbClr val="102B48"/>
                          </a:solidFill>
                        </a:rPr>
                        <a:t>Bevægelsen / Hverdags-prioritering</a:t>
                      </a:r>
                      <a:endParaRPr lang="da-DK" sz="1100">
                        <a:solidFill>
                          <a:srgbClr val="102B48"/>
                        </a:solidFill>
                      </a:endParaRPr>
                    </a:p>
                  </a:txBody>
                  <a:tcPr marL="82054" marR="82054" marT="41027" marB="41027" anchor="ctr">
                    <a:lnL>
                      <a:noFill/>
                    </a:lnL>
                    <a:lnR w="12700" cap="flat" cmpd="sng" algn="ctr">
                      <a:solidFill>
                        <a:schemeClr val="bg1">
                          <a:lumMod val="75000"/>
                        </a:schemeClr>
                      </a:solidFill>
                      <a:prstDash val="solid"/>
                      <a:round/>
                      <a:headEnd type="none" w="med" len="med"/>
                      <a:tailEnd type="none" w="med" len="med"/>
                    </a:lnR>
                    <a:lnT w="12700" cap="flat" cmpd="sng" algn="ctr">
                      <a:noFill/>
                      <a:prstDash val="solid"/>
                      <a:round/>
                      <a:headEnd type="none" w="med" len="med"/>
                      <a:tailEnd type="none" w="med" len="med"/>
                    </a:lnT>
                    <a:lnB>
                      <a:noFill/>
                    </a:lnB>
                    <a:solidFill>
                      <a:srgbClr val="102B48">
                        <a:alpha val="45000"/>
                      </a:srgbClr>
                    </a:solidFill>
                  </a:tcPr>
                </a:tc>
                <a:tc>
                  <a:txBody>
                    <a:bodyPr/>
                    <a:lstStyle/>
                    <a:p>
                      <a:pPr>
                        <a:buNone/>
                      </a:pPr>
                      <a:r>
                        <a:rPr lang="da-DK" sz="1100"/>
                        <a:t>Hvordan holder vi den strategiske retning levende i hverdagen?</a:t>
                      </a:r>
                    </a:p>
                    <a:p>
                      <a:pPr>
                        <a:buNone/>
                      </a:pPr>
                      <a:endParaRPr lang="da-DK" sz="1100"/>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tc>
                  <a:txBody>
                    <a:bodyPr/>
                    <a:lstStyle/>
                    <a:p>
                      <a:pPr>
                        <a:buNone/>
                      </a:pPr>
                      <a:r>
                        <a:rPr lang="da-DK" sz="1100"/>
                        <a:t>Indarbejd de samlende bevægelser i løbende udviklingsarbejde og prioritering på møder, MUS, 1:1 projekter og beslutninger – brug den strategiske intention som pejlemærke.</a:t>
                      </a:r>
                    </a:p>
                  </a:txBody>
                  <a:tcPr marL="82054" marR="82054" marT="41027" marB="41027"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noFill/>
                  </a:tcPr>
                </a:tc>
                <a:extLst>
                  <a:ext uri="{0D108BD9-81ED-4DB2-BD59-A6C34878D82A}">
                    <a16:rowId xmlns:a16="http://schemas.microsoft.com/office/drawing/2014/main" val="2310421269"/>
                  </a:ext>
                </a:extLst>
              </a:tr>
            </a:tbl>
          </a:graphicData>
        </a:graphic>
      </p:graphicFrame>
      <p:sp>
        <p:nvSpPr>
          <p:cNvPr id="9" name="Tekstfelt 8">
            <a:extLst>
              <a:ext uri="{FF2B5EF4-FFF2-40B4-BE49-F238E27FC236}">
                <a16:creationId xmlns:a16="http://schemas.microsoft.com/office/drawing/2014/main" id="{291ECB9D-9749-42DE-FE69-A8C3DF7FB9BA}"/>
              </a:ext>
            </a:extLst>
          </p:cNvPr>
          <p:cNvSpPr txBox="1"/>
          <p:nvPr/>
        </p:nvSpPr>
        <p:spPr>
          <a:xfrm>
            <a:off x="5876925" y="1384164"/>
            <a:ext cx="5287986" cy="215444"/>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Forslag til løbende </a:t>
            </a: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hverdagsprioritering</a:t>
            </a:r>
          </a:p>
        </p:txBody>
      </p:sp>
    </p:spTree>
    <p:extLst>
      <p:ext uri="{BB962C8B-B14F-4D97-AF65-F5344CB8AC3E}">
        <p14:creationId xmlns:p14="http://schemas.microsoft.com/office/powerpoint/2010/main" val="344413425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A0E5D46-C06E-6811-FE7A-BCBA8AAE73DC}"/>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204FFC4E-FA19-5D80-BE2B-527E46025C41}"/>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33AED860-C33D-4C97-9A18-A52506E2700B}"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2" name="object 5">
            <a:extLst>
              <a:ext uri="{FF2B5EF4-FFF2-40B4-BE49-F238E27FC236}">
                <a16:creationId xmlns:a16="http://schemas.microsoft.com/office/drawing/2014/main" id="{59AF2AFF-8C82-A2DC-9A18-7B99F7DD4F78}"/>
              </a:ext>
            </a:extLst>
          </p:cNvPr>
          <p:cNvSpPr txBox="1">
            <a:spLocks/>
          </p:cNvSpPr>
          <p:nvPr/>
        </p:nvSpPr>
        <p:spPr bwMode="auto">
          <a:xfrm>
            <a:off x="581184" y="2731608"/>
            <a:ext cx="6461642" cy="566822"/>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600" b="0" i="0" u="none" strike="noStrike" kern="0" cap="none" spc="-50" normalizeH="0" baseline="0" noProof="0">
                <a:ln>
                  <a:noFill/>
                </a:ln>
                <a:solidFill>
                  <a:srgbClr val="A64443"/>
                </a:solidFill>
                <a:effectLst/>
                <a:uLnTx/>
                <a:uFillTx/>
                <a:latin typeface="AU Passata Light"/>
                <a:ea typeface="+mj-ea"/>
                <a:cs typeface="+mj-cs"/>
              </a:rPr>
              <a:t>Andre hjælpeværktøjer </a:t>
            </a:r>
          </a:p>
        </p:txBody>
      </p:sp>
      <p:pic>
        <p:nvPicPr>
          <p:cNvPr id="6" name="Billede 5" descr="Et billede, der indeholder udendørs, Luftfotografering, sky, bygning&#10;&#10;AI-genereret indhold kan være ukorrekt.">
            <a:extLst>
              <a:ext uri="{FF2B5EF4-FFF2-40B4-BE49-F238E27FC236}">
                <a16:creationId xmlns:a16="http://schemas.microsoft.com/office/drawing/2014/main" id="{C4BBA685-0A0D-D165-FC7B-F388AD467EA0}"/>
              </a:ext>
            </a:extLst>
          </p:cNvPr>
          <p:cNvPicPr>
            <a:picLocks noChangeAspect="1"/>
          </p:cNvPicPr>
          <p:nvPr/>
        </p:nvPicPr>
        <p:blipFill>
          <a:blip r:embed="rId3" cstate="print">
            <a:extLst>
              <a:ext uri="{28A0092B-C50C-407E-A947-70E740481C1C}">
                <a14:useLocalDpi xmlns:a14="http://schemas.microsoft.com/office/drawing/2010/main" val="0"/>
              </a:ext>
            </a:extLst>
          </a:blip>
          <a:srcRect l="22343" t="-144" r="27657"/>
          <a:stretch>
            <a:fillRect/>
          </a:stretch>
        </p:blipFill>
        <p:spPr>
          <a:xfrm>
            <a:off x="6094411" y="0"/>
            <a:ext cx="6094414" cy="6858000"/>
          </a:xfrm>
          <a:prstGeom prst="rect">
            <a:avLst/>
          </a:prstGeom>
        </p:spPr>
      </p:pic>
      <p:sp>
        <p:nvSpPr>
          <p:cNvPr id="7" name="Pladsholder til slidenummer 6">
            <a:extLst>
              <a:ext uri="{FF2B5EF4-FFF2-40B4-BE49-F238E27FC236}">
                <a16:creationId xmlns:a16="http://schemas.microsoft.com/office/drawing/2014/main" id="{AB959456-E7EE-5A2C-4B71-073FD1E79DD8}"/>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7</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205564638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2E4668-F052-87B7-6B8F-E7DBA8614D06}"/>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FCFF9C24-E93A-AC7D-B66D-DC4FE7DFEEE7}"/>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E2A5A9C1-C5C5-4B93-9F9C-773657BAFE5D}"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92EEC428-93DB-86FF-71E9-46ADE0EBB7CA}"/>
              </a:ext>
            </a:extLst>
          </p:cNvPr>
          <p:cNvSpPr txBox="1">
            <a:spLocks/>
          </p:cNvSpPr>
          <p:nvPr/>
        </p:nvSpPr>
        <p:spPr bwMode="auto">
          <a:xfrm>
            <a:off x="477788" y="695460"/>
            <a:ext cx="7135666"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A64443"/>
                </a:solidFill>
                <a:effectLst/>
                <a:uLnTx/>
                <a:uFillTx/>
                <a:latin typeface="AU Passata Light"/>
                <a:ea typeface="+mj-ea"/>
                <a:cs typeface="+mj-cs"/>
              </a:rPr>
              <a:t>Procesplan</a:t>
            </a:r>
            <a:r>
              <a:rPr kumimoji="0" lang="da-DK" sz="3200" b="0" i="0" u="none" strike="noStrike" kern="0" cap="none" spc="-50" normalizeH="0" baseline="0" noProof="0">
                <a:ln>
                  <a:noFill/>
                </a:ln>
                <a:solidFill>
                  <a:srgbClr val="A64443"/>
                </a:solidFill>
                <a:effectLst/>
                <a:uLnTx/>
                <a:uFillTx/>
                <a:latin typeface="AU Passata Light"/>
                <a:ea typeface="+mj-ea"/>
                <a:cs typeface="+mj-cs"/>
              </a:rPr>
              <a:t> – struktur på strategiarbejdet </a:t>
            </a:r>
          </a:p>
        </p:txBody>
      </p:sp>
      <p:sp>
        <p:nvSpPr>
          <p:cNvPr id="13" name="Tekstfelt 12">
            <a:extLst>
              <a:ext uri="{FF2B5EF4-FFF2-40B4-BE49-F238E27FC236}">
                <a16:creationId xmlns:a16="http://schemas.microsoft.com/office/drawing/2014/main" id="{5EB3B6A4-16B5-5AA5-BFFE-1A1A07AE2E50}"/>
              </a:ext>
            </a:extLst>
          </p:cNvPr>
          <p:cNvSpPr txBox="1"/>
          <p:nvPr/>
        </p:nvSpPr>
        <p:spPr>
          <a:xfrm>
            <a:off x="517394" y="1485632"/>
            <a:ext cx="4768981" cy="4739759"/>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En procesplan skaber overblik over, hvordan strategiarbejdet kan tilrettelægges og følges op over tid. Den tydeliggør, hvem der skal involveres hvornår, og hvordan fremdrift og læring fastholde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b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Planen kan lægges ind i eksisterende mødestrukturer, så strategien bliver en del af det løbende ledelsesarbejde, eller tilrettelægges som et særskilt forløb afhængigt af behov og kontekst.</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Procesplanen skal give </a:t>
            </a: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fælles overblik og ejerskab</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 ikke blive et administrativt dokument.</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Download skabelon til procesplan </a:t>
            </a:r>
            <a:r>
              <a:rPr kumimoji="0" lang="da-DK" sz="1400" b="1" i="0" u="sng" strike="noStrike" kern="1200" cap="none" spc="0" normalizeH="0" baseline="0" noProof="0" dirty="0">
                <a:ln>
                  <a:noFill/>
                </a:ln>
                <a:solidFill>
                  <a:srgbClr val="000000"/>
                </a:solidFill>
                <a:effectLst/>
                <a:uLnTx/>
                <a:uFillTx/>
                <a:latin typeface="AU Passata" pitchFamily="34" charset="0"/>
                <a:ea typeface="+mn-ea"/>
                <a:cs typeface="+mn-cs"/>
                <a:hlinkClick r:id="rId3"/>
              </a:rPr>
              <a:t>her</a:t>
            </a:r>
            <a:endParaRPr kumimoji="0" lang="en-GB"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p:txBody>
      </p:sp>
      <p:graphicFrame>
        <p:nvGraphicFramePr>
          <p:cNvPr id="2" name="Tabel 1">
            <a:extLst>
              <a:ext uri="{FF2B5EF4-FFF2-40B4-BE49-F238E27FC236}">
                <a16:creationId xmlns:a16="http://schemas.microsoft.com/office/drawing/2014/main" id="{5AD83C1F-AE96-2D38-FF03-A55E6D1ABC29}"/>
              </a:ext>
            </a:extLst>
          </p:cNvPr>
          <p:cNvGraphicFramePr>
            <a:graphicFrameLocks noGrp="1"/>
          </p:cNvGraphicFramePr>
          <p:nvPr>
            <p:extLst>
              <p:ext uri="{D42A27DB-BD31-4B8C-83A1-F6EECF244321}">
                <p14:modId xmlns:p14="http://schemas.microsoft.com/office/powerpoint/2010/main" val="3708483356"/>
              </p:ext>
            </p:extLst>
          </p:nvPr>
        </p:nvGraphicFramePr>
        <p:xfrm>
          <a:off x="5550570" y="1475584"/>
          <a:ext cx="6257422" cy="5195472"/>
        </p:xfrm>
        <a:graphic>
          <a:graphicData uri="http://schemas.openxmlformats.org/drawingml/2006/table">
            <a:tbl>
              <a:tblPr firstRow="1" bandRow="1">
                <a:tableStyleId>{5940675A-B579-460E-94D1-54222C63F5DA}</a:tableStyleId>
              </a:tblPr>
              <a:tblGrid>
                <a:gridCol w="1202655">
                  <a:extLst>
                    <a:ext uri="{9D8B030D-6E8A-4147-A177-3AD203B41FA5}">
                      <a16:colId xmlns:a16="http://schemas.microsoft.com/office/drawing/2014/main" val="1181771631"/>
                    </a:ext>
                  </a:extLst>
                </a:gridCol>
                <a:gridCol w="2857080">
                  <a:extLst>
                    <a:ext uri="{9D8B030D-6E8A-4147-A177-3AD203B41FA5}">
                      <a16:colId xmlns:a16="http://schemas.microsoft.com/office/drawing/2014/main" val="2244759085"/>
                    </a:ext>
                  </a:extLst>
                </a:gridCol>
                <a:gridCol w="1192761">
                  <a:extLst>
                    <a:ext uri="{9D8B030D-6E8A-4147-A177-3AD203B41FA5}">
                      <a16:colId xmlns:a16="http://schemas.microsoft.com/office/drawing/2014/main" val="2583283830"/>
                    </a:ext>
                  </a:extLst>
                </a:gridCol>
                <a:gridCol w="1004926">
                  <a:extLst>
                    <a:ext uri="{9D8B030D-6E8A-4147-A177-3AD203B41FA5}">
                      <a16:colId xmlns:a16="http://schemas.microsoft.com/office/drawing/2014/main" val="3610687678"/>
                    </a:ext>
                  </a:extLst>
                </a:gridCol>
              </a:tblGrid>
              <a:tr h="547422">
                <a:tc>
                  <a:txBody>
                    <a:bodyPr/>
                    <a:lstStyle/>
                    <a:p>
                      <a:pPr>
                        <a:buNone/>
                      </a:pPr>
                      <a:r>
                        <a:rPr lang="da-DK" sz="1100" b="1">
                          <a:solidFill>
                            <a:schemeClr val="bg1"/>
                          </a:solidFill>
                        </a:rPr>
                        <a:t>Aktivitet</a:t>
                      </a:r>
                      <a:endParaRPr lang="da-DK" sz="1100">
                        <a:solidFill>
                          <a:schemeClr val="bg1"/>
                        </a:solidFill>
                      </a:endParaRPr>
                    </a:p>
                  </a:txBody>
                  <a:tcPr anchor="ctr">
                    <a:solidFill>
                      <a:srgbClr val="102B48"/>
                    </a:solidFill>
                  </a:tcPr>
                </a:tc>
                <a:tc>
                  <a:txBody>
                    <a:bodyPr/>
                    <a:lstStyle/>
                    <a:p>
                      <a:pPr>
                        <a:buNone/>
                      </a:pPr>
                      <a:r>
                        <a:rPr lang="da-DK" sz="1100" b="1">
                          <a:solidFill>
                            <a:schemeClr val="bg1"/>
                          </a:solidFill>
                        </a:rPr>
                        <a:t>Formål</a:t>
                      </a:r>
                      <a:endParaRPr lang="da-DK" sz="1100">
                        <a:solidFill>
                          <a:schemeClr val="bg1"/>
                        </a:solidFill>
                      </a:endParaRPr>
                    </a:p>
                  </a:txBody>
                  <a:tcPr anchor="ctr">
                    <a:lnB w="12700" cap="flat" cmpd="sng" algn="ctr">
                      <a:solidFill>
                        <a:schemeClr val="bg1">
                          <a:lumMod val="75000"/>
                        </a:schemeClr>
                      </a:solidFill>
                      <a:prstDash val="solid"/>
                      <a:round/>
                      <a:headEnd type="none" w="med" len="med"/>
                      <a:tailEnd type="none" w="med" len="med"/>
                    </a:lnB>
                    <a:solidFill>
                      <a:srgbClr val="102B48"/>
                    </a:solidFill>
                  </a:tcPr>
                </a:tc>
                <a:tc>
                  <a:txBody>
                    <a:bodyPr/>
                    <a:lstStyle/>
                    <a:p>
                      <a:pPr>
                        <a:buNone/>
                      </a:pPr>
                      <a:r>
                        <a:rPr lang="da-DK" sz="1100" b="1">
                          <a:solidFill>
                            <a:schemeClr val="bg1"/>
                          </a:solidFill>
                        </a:rPr>
                        <a:t>Mulige deltagere</a:t>
                      </a:r>
                      <a:endParaRPr lang="da-DK" sz="1100">
                        <a:solidFill>
                          <a:schemeClr val="bg1"/>
                        </a:solidFill>
                      </a:endParaRPr>
                    </a:p>
                  </a:txBody>
                  <a:tcPr anchor="ctr">
                    <a:lnB w="12700" cap="flat" cmpd="sng" algn="ctr">
                      <a:solidFill>
                        <a:schemeClr val="bg1">
                          <a:lumMod val="75000"/>
                        </a:schemeClr>
                      </a:solidFill>
                      <a:prstDash val="solid"/>
                      <a:round/>
                      <a:headEnd type="none" w="med" len="med"/>
                      <a:tailEnd type="none" w="med" len="med"/>
                    </a:lnB>
                    <a:solidFill>
                      <a:srgbClr val="102B48"/>
                    </a:solidFill>
                  </a:tcPr>
                </a:tc>
                <a:tc>
                  <a:txBody>
                    <a:bodyPr/>
                    <a:lstStyle/>
                    <a:p>
                      <a:pPr>
                        <a:buNone/>
                      </a:pPr>
                      <a:r>
                        <a:rPr lang="da-DK" sz="1100" b="1">
                          <a:solidFill>
                            <a:schemeClr val="bg1"/>
                          </a:solidFill>
                        </a:rPr>
                        <a:t>Tidsramme / kadence</a:t>
                      </a:r>
                      <a:endParaRPr lang="da-DK" sz="1100">
                        <a:solidFill>
                          <a:schemeClr val="bg1"/>
                        </a:solidFill>
                      </a:endParaRPr>
                    </a:p>
                  </a:txBody>
                  <a:tcPr anchor="ctr">
                    <a:lnB w="12700" cap="flat" cmpd="sng" algn="ctr">
                      <a:solidFill>
                        <a:schemeClr val="bg1">
                          <a:lumMod val="75000"/>
                        </a:schemeClr>
                      </a:solidFill>
                      <a:prstDash val="solid"/>
                      <a:round/>
                      <a:headEnd type="none" w="med" len="med"/>
                      <a:tailEnd type="none" w="med" len="med"/>
                    </a:lnB>
                    <a:solidFill>
                      <a:srgbClr val="102B48"/>
                    </a:solidFill>
                  </a:tcPr>
                </a:tc>
                <a:extLst>
                  <a:ext uri="{0D108BD9-81ED-4DB2-BD59-A6C34878D82A}">
                    <a16:rowId xmlns:a16="http://schemas.microsoft.com/office/drawing/2014/main" val="1212575946"/>
                  </a:ext>
                </a:extLst>
              </a:tr>
              <a:tr h="701823">
                <a:tc>
                  <a:txBody>
                    <a:bodyPr/>
                    <a:lstStyle/>
                    <a:p>
                      <a:pPr>
                        <a:buNone/>
                      </a:pPr>
                      <a:r>
                        <a:rPr lang="da-DK" sz="1100" b="1">
                          <a:solidFill>
                            <a:srgbClr val="102B48"/>
                          </a:solidFill>
                        </a:rPr>
                        <a:t>1. Afklar spillebanen</a:t>
                      </a:r>
                      <a:endParaRPr lang="da-DK" sz="1100">
                        <a:solidFill>
                          <a:srgbClr val="102B48"/>
                        </a:solidFill>
                      </a:endParaRPr>
                    </a:p>
                  </a:txBody>
                  <a:tcPr anchor="ctr">
                    <a:lnR w="12700" cap="flat" cmpd="sng" algn="ctr">
                      <a:solidFill>
                        <a:schemeClr val="bg1">
                          <a:lumMod val="75000"/>
                        </a:schemeClr>
                      </a:solidFill>
                      <a:prstDash val="solid"/>
                      <a:round/>
                      <a:headEnd type="none" w="med" len="med"/>
                      <a:tailEnd type="none" w="med" len="med"/>
                    </a:lnR>
                    <a:solidFill>
                      <a:srgbClr val="102B48">
                        <a:alpha val="45000"/>
                      </a:srgbClr>
                    </a:solidFill>
                  </a:tcPr>
                </a:tc>
                <a:tc>
                  <a:txBody>
                    <a:bodyPr/>
                    <a:lstStyle/>
                    <a:p>
                      <a:pPr>
                        <a:buNone/>
                      </a:pPr>
                      <a:r>
                        <a:rPr lang="da-DK" sz="1100"/>
                        <a:t>Definér formålet med strategiarbejdet, og hvad det dækker – fx et institut, et tema eller et tværgående område</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Lederteam, evt. nøgleperson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Opstart</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extLst>
                  <a:ext uri="{0D108BD9-81ED-4DB2-BD59-A6C34878D82A}">
                    <a16:rowId xmlns:a16="http://schemas.microsoft.com/office/drawing/2014/main" val="3818884754"/>
                  </a:ext>
                </a:extLst>
              </a:tr>
              <a:tr h="958794">
                <a:tc>
                  <a:txBody>
                    <a:bodyPr/>
                    <a:lstStyle/>
                    <a:p>
                      <a:pPr>
                        <a:buNone/>
                      </a:pPr>
                      <a:r>
                        <a:rPr lang="da-DK" sz="1100" b="1">
                          <a:solidFill>
                            <a:srgbClr val="102B48"/>
                          </a:solidFill>
                        </a:rPr>
                        <a:t>2. Fælles situationsbillede</a:t>
                      </a:r>
                      <a:endParaRPr lang="da-DK" sz="1100">
                        <a:solidFill>
                          <a:srgbClr val="102B48"/>
                        </a:solidFill>
                      </a:endParaRPr>
                    </a:p>
                  </a:txBody>
                  <a:tcPr anchor="ctr">
                    <a:lnR w="12700" cap="flat" cmpd="sng" algn="ctr">
                      <a:solidFill>
                        <a:schemeClr val="bg1">
                          <a:lumMod val="75000"/>
                        </a:schemeClr>
                      </a:solidFill>
                      <a:prstDash val="solid"/>
                      <a:round/>
                      <a:headEnd type="none" w="med" len="med"/>
                      <a:tailEnd type="none" w="med" len="med"/>
                    </a:lnR>
                    <a:solidFill>
                      <a:srgbClr val="102B48">
                        <a:alpha val="45000"/>
                      </a:srgbClr>
                    </a:solidFill>
                  </a:tcPr>
                </a:tc>
                <a:tc>
                  <a:txBody>
                    <a:bodyPr/>
                    <a:lstStyle/>
                    <a:p>
                      <a:pPr>
                        <a:buNone/>
                      </a:pPr>
                      <a:r>
                        <a:rPr lang="da-DK" sz="1100"/>
                        <a:t>Skab fælles forståelse af den nuværende situation, udfordringer og mulighed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Ledere, medarbejdere, evt. samarbejdspartnere</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1–2 workshops</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extLst>
                  <a:ext uri="{0D108BD9-81ED-4DB2-BD59-A6C34878D82A}">
                    <a16:rowId xmlns:a16="http://schemas.microsoft.com/office/drawing/2014/main" val="2222299158"/>
                  </a:ext>
                </a:extLst>
              </a:tr>
              <a:tr h="807409">
                <a:tc>
                  <a:txBody>
                    <a:bodyPr/>
                    <a:lstStyle/>
                    <a:p>
                      <a:pPr>
                        <a:buNone/>
                      </a:pPr>
                      <a:r>
                        <a:rPr lang="da-DK" sz="1100" b="1">
                          <a:solidFill>
                            <a:srgbClr val="102B48"/>
                          </a:solidFill>
                        </a:rPr>
                        <a:t>3. Strategisk intention</a:t>
                      </a:r>
                      <a:endParaRPr lang="da-DK" sz="1100">
                        <a:solidFill>
                          <a:srgbClr val="102B48"/>
                        </a:solidFill>
                      </a:endParaRPr>
                    </a:p>
                  </a:txBody>
                  <a:tcPr anchor="ctr">
                    <a:lnR w="12700" cap="flat" cmpd="sng" algn="ctr">
                      <a:solidFill>
                        <a:schemeClr val="bg1">
                          <a:lumMod val="75000"/>
                        </a:schemeClr>
                      </a:solidFill>
                      <a:prstDash val="solid"/>
                      <a:round/>
                      <a:headEnd type="none" w="med" len="med"/>
                      <a:tailEnd type="none" w="med" len="med"/>
                    </a:lnR>
                    <a:solidFill>
                      <a:srgbClr val="102B48">
                        <a:alpha val="45000"/>
                      </a:srgbClr>
                    </a:solidFill>
                  </a:tcPr>
                </a:tc>
                <a:tc>
                  <a:txBody>
                    <a:bodyPr/>
                    <a:lstStyle/>
                    <a:p>
                      <a:pPr>
                        <a:buNone/>
                      </a:pPr>
                      <a:r>
                        <a:rPr lang="da-DK" sz="1100"/>
                        <a:t>Formulér den ønskede retning og beskrivelser af fremtidig succes</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Lederteam, udvalgte medarbejdere</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Efter situationsbilledet</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extLst>
                  <a:ext uri="{0D108BD9-81ED-4DB2-BD59-A6C34878D82A}">
                    <a16:rowId xmlns:a16="http://schemas.microsoft.com/office/drawing/2014/main" val="389548978"/>
                  </a:ext>
                </a:extLst>
              </a:tr>
              <a:tr h="579974">
                <a:tc>
                  <a:txBody>
                    <a:bodyPr/>
                    <a:lstStyle/>
                    <a:p>
                      <a:pPr>
                        <a:buNone/>
                      </a:pPr>
                      <a:r>
                        <a:rPr lang="da-DK" sz="1100" b="1">
                          <a:solidFill>
                            <a:srgbClr val="102B48"/>
                          </a:solidFill>
                        </a:rPr>
                        <a:t>4. Samlende bevægelser</a:t>
                      </a:r>
                      <a:endParaRPr lang="da-DK" sz="1100">
                        <a:solidFill>
                          <a:srgbClr val="102B48"/>
                        </a:solidFill>
                      </a:endParaRPr>
                    </a:p>
                  </a:txBody>
                  <a:tcPr anchor="ctr">
                    <a:lnR w="12700" cap="flat" cmpd="sng" algn="ctr">
                      <a:solidFill>
                        <a:schemeClr val="bg1">
                          <a:lumMod val="75000"/>
                        </a:schemeClr>
                      </a:solidFill>
                      <a:prstDash val="solid"/>
                      <a:round/>
                      <a:headEnd type="none" w="med" len="med"/>
                      <a:tailEnd type="none" w="med" len="med"/>
                    </a:lnR>
                    <a:solidFill>
                      <a:srgbClr val="102B48">
                        <a:alpha val="45000"/>
                      </a:srgbClr>
                    </a:solidFill>
                  </a:tcPr>
                </a:tc>
                <a:tc>
                  <a:txBody>
                    <a:bodyPr/>
                    <a:lstStyle/>
                    <a:p>
                      <a:pPr>
                        <a:buNone/>
                      </a:pPr>
                      <a:r>
                        <a:rPr lang="da-DK" sz="1100"/>
                        <a:t>Identificér de vigtigste organisatoriske bevægelser, der kan bringe jer i retning af intentione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Lederteam, udvalgte medarbejdere</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1–2 mød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extLst>
                  <a:ext uri="{0D108BD9-81ED-4DB2-BD59-A6C34878D82A}">
                    <a16:rowId xmlns:a16="http://schemas.microsoft.com/office/drawing/2014/main" val="2953438398"/>
                  </a:ext>
                </a:extLst>
              </a:tr>
              <a:tr h="701823">
                <a:tc>
                  <a:txBody>
                    <a:bodyPr/>
                    <a:lstStyle/>
                    <a:p>
                      <a:pPr>
                        <a:buNone/>
                      </a:pPr>
                      <a:r>
                        <a:rPr lang="da-DK" sz="1100" b="1">
                          <a:solidFill>
                            <a:srgbClr val="102B48"/>
                          </a:solidFill>
                        </a:rPr>
                        <a:t>5. Kortsigtede opgavelister</a:t>
                      </a:r>
                      <a:endParaRPr lang="da-DK" sz="1100">
                        <a:solidFill>
                          <a:srgbClr val="102B48"/>
                        </a:solidFill>
                      </a:endParaRPr>
                    </a:p>
                  </a:txBody>
                  <a:tcPr anchor="ctr">
                    <a:lnR w="12700" cap="flat" cmpd="sng" algn="ctr">
                      <a:solidFill>
                        <a:schemeClr val="bg1">
                          <a:lumMod val="75000"/>
                        </a:schemeClr>
                      </a:solidFill>
                      <a:prstDash val="solid"/>
                      <a:round/>
                      <a:headEnd type="none" w="med" len="med"/>
                      <a:tailEnd type="none" w="med" len="med"/>
                    </a:lnR>
                    <a:solidFill>
                      <a:srgbClr val="102B48">
                        <a:alpha val="45000"/>
                      </a:srgbClr>
                    </a:solidFill>
                  </a:tcPr>
                </a:tc>
                <a:tc>
                  <a:txBody>
                    <a:bodyPr/>
                    <a:lstStyle/>
                    <a:p>
                      <a:pPr>
                        <a:buNone/>
                      </a:pPr>
                      <a:r>
                        <a:rPr lang="da-DK" sz="1100"/>
                        <a:t>Gør strategien operationel ved at formulere konkrete handlinger og priorite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Teams, afdelinger, projektgrupp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1 møde og derefter</a:t>
                      </a:r>
                    </a:p>
                    <a:p>
                      <a:pPr>
                        <a:buNone/>
                      </a:pPr>
                      <a:r>
                        <a:rPr lang="da-DK" sz="1100"/>
                        <a:t>kvartalsvis eller efter behov</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extLst>
                  <a:ext uri="{0D108BD9-81ED-4DB2-BD59-A6C34878D82A}">
                    <a16:rowId xmlns:a16="http://schemas.microsoft.com/office/drawing/2014/main" val="2213930839"/>
                  </a:ext>
                </a:extLst>
              </a:tr>
              <a:tr h="656024">
                <a:tc>
                  <a:txBody>
                    <a:bodyPr/>
                    <a:lstStyle/>
                    <a:p>
                      <a:pPr>
                        <a:buNone/>
                      </a:pPr>
                      <a:r>
                        <a:rPr lang="da-DK" sz="1100" b="1">
                          <a:solidFill>
                            <a:srgbClr val="102B48"/>
                          </a:solidFill>
                        </a:rPr>
                        <a:t>6. Opfølgning i fast kadence</a:t>
                      </a:r>
                      <a:endParaRPr lang="da-DK" sz="1100">
                        <a:solidFill>
                          <a:srgbClr val="102B48"/>
                        </a:solidFill>
                      </a:endParaRPr>
                    </a:p>
                  </a:txBody>
                  <a:tcPr anchor="ctr">
                    <a:lnR w="12700" cap="flat" cmpd="sng" algn="ctr">
                      <a:solidFill>
                        <a:schemeClr val="bg1">
                          <a:lumMod val="75000"/>
                        </a:schemeClr>
                      </a:solidFill>
                      <a:prstDash val="solid"/>
                      <a:round/>
                      <a:headEnd type="none" w="med" len="med"/>
                      <a:tailEnd type="none" w="med" len="med"/>
                    </a:lnR>
                    <a:solidFill>
                      <a:srgbClr val="102B48">
                        <a:alpha val="45000"/>
                      </a:srgbClr>
                    </a:solidFill>
                  </a:tcPr>
                </a:tc>
                <a:tc>
                  <a:txBody>
                    <a:bodyPr/>
                    <a:lstStyle/>
                    <a:p>
                      <a:pPr>
                        <a:buNone/>
                      </a:pPr>
                      <a:r>
                        <a:rPr lang="da-DK" sz="1100"/>
                        <a:t>Saml op på fremdrift, erfaringer og læring – og justér retningen om nødvendigt</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Lederteam, relevante fora</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tc>
                  <a:txBody>
                    <a:bodyPr/>
                    <a:lstStyle/>
                    <a:p>
                      <a:pPr>
                        <a:buNone/>
                      </a:pPr>
                      <a:r>
                        <a:rPr lang="da-DK" sz="1100"/>
                        <a:t>Løbende / fx hvert kvartal</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tcPr>
                </a:tc>
                <a:extLst>
                  <a:ext uri="{0D108BD9-81ED-4DB2-BD59-A6C34878D82A}">
                    <a16:rowId xmlns:a16="http://schemas.microsoft.com/office/drawing/2014/main" val="3012265317"/>
                  </a:ext>
                </a:extLst>
              </a:tr>
            </a:tbl>
          </a:graphicData>
        </a:graphic>
      </p:graphicFrame>
      <p:sp>
        <p:nvSpPr>
          <p:cNvPr id="3" name="Pladsholder til slidenummer 2">
            <a:extLst>
              <a:ext uri="{FF2B5EF4-FFF2-40B4-BE49-F238E27FC236}">
                <a16:creationId xmlns:a16="http://schemas.microsoft.com/office/drawing/2014/main" id="{88FC0E6F-C244-2F00-5266-12323A074BA4}"/>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8</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262841371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F95B294-05EF-5D61-CFA0-0278AA867998}"/>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78C737E7-3DD2-2C8B-54EB-27FA0E9587AD}"/>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E2A5A9C1-C5C5-4B93-9F9C-773657BAFE5D}"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12B5D757-7767-A026-77BE-29F0BB511DD6}"/>
              </a:ext>
            </a:extLst>
          </p:cNvPr>
          <p:cNvSpPr txBox="1">
            <a:spLocks/>
          </p:cNvSpPr>
          <p:nvPr/>
        </p:nvSpPr>
        <p:spPr bwMode="auto">
          <a:xfrm>
            <a:off x="477788" y="695460"/>
            <a:ext cx="11330204"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dirty="0">
                <a:ln>
                  <a:noFill/>
                </a:ln>
                <a:solidFill>
                  <a:srgbClr val="A64443"/>
                </a:solidFill>
                <a:effectLst/>
                <a:uLnTx/>
                <a:uFillTx/>
                <a:latin typeface="AU Passata Light"/>
                <a:ea typeface="+mj-ea"/>
                <a:cs typeface="+mj-cs"/>
              </a:rPr>
              <a:t>Interessentanalyse</a:t>
            </a:r>
            <a:r>
              <a:rPr kumimoji="0" lang="da-DK" sz="3200" b="0" i="0" u="none" strike="noStrike" kern="0" cap="none" spc="-50" normalizeH="0" baseline="0" noProof="0" dirty="0">
                <a:ln>
                  <a:noFill/>
                </a:ln>
                <a:solidFill>
                  <a:srgbClr val="A64443"/>
                </a:solidFill>
                <a:effectLst/>
                <a:uLnTx/>
                <a:uFillTx/>
                <a:latin typeface="AU Passata Light"/>
                <a:ea typeface="+mj-ea"/>
                <a:cs typeface="+mj-cs"/>
              </a:rPr>
              <a:t> – overblik over aktører og samarbejdsflader </a:t>
            </a:r>
          </a:p>
        </p:txBody>
      </p:sp>
      <p:sp>
        <p:nvSpPr>
          <p:cNvPr id="13" name="Tekstfelt 12">
            <a:extLst>
              <a:ext uri="{FF2B5EF4-FFF2-40B4-BE49-F238E27FC236}">
                <a16:creationId xmlns:a16="http://schemas.microsoft.com/office/drawing/2014/main" id="{A3D2E11F-3347-4FD7-27E7-D33F2CDFE6C5}"/>
              </a:ext>
            </a:extLst>
          </p:cNvPr>
          <p:cNvSpPr txBox="1"/>
          <p:nvPr/>
        </p:nvSpPr>
        <p:spPr>
          <a:xfrm>
            <a:off x="477788" y="1738295"/>
            <a:ext cx="4900328" cy="4739759"/>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En interessentanalyse hjælper med at skabe fælles forståelse af de personer, grupper eller organisationer, der påvirkes af eller bidrager til strategiarbejdet.</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b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Den kan bruges til at kvalificere samlende bevægelser og prioritere, hvor inddragelse gør størst forskel.</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dirty="0">
                <a:ln>
                  <a:noFill/>
                </a:ln>
                <a:solidFill>
                  <a:srgbClr val="000000"/>
                </a:solidFill>
                <a:effectLst/>
                <a:uLnTx/>
                <a:uFillTx/>
                <a:latin typeface="AU Passata" pitchFamily="34" charset="0"/>
                <a:ea typeface="+mn-ea"/>
                <a:cs typeface="+mn-cs"/>
              </a:rPr>
              <a:t>Sådan kan den bruges:</a:t>
            </a: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Kortlæg interessenter ud fra deres betydning og involveringsbehov.</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Drøft, hvordan de bedst håndteres: informeres, inddrages, samarbejdes med eller gives ansvar.</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Lav analysen i ledergruppen eller en mindre projektgruppe for at skabe fælles billede og ejerskab.</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Download skabelon til en detaljeret interessentanalyse </a:t>
            </a:r>
            <a:r>
              <a:rPr kumimoji="0" lang="da-DK" sz="1400" b="1" i="0" u="sng" strike="noStrike" kern="1200" cap="none" spc="0" normalizeH="0" baseline="0" noProof="0" dirty="0">
                <a:ln>
                  <a:noFill/>
                </a:ln>
                <a:solidFill>
                  <a:srgbClr val="000000"/>
                </a:solidFill>
                <a:effectLst/>
                <a:uLnTx/>
                <a:uFillTx/>
                <a:latin typeface="AU Passata" pitchFamily="34" charset="0"/>
                <a:ea typeface="+mn-ea"/>
                <a:cs typeface="+mn-cs"/>
                <a:hlinkClick r:id="rId3"/>
              </a:rPr>
              <a:t>her</a:t>
            </a: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en-GB"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en-GB"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p:txBody>
      </p:sp>
      <p:sp>
        <p:nvSpPr>
          <p:cNvPr id="3" name="Pladsholder til slidenummer 2">
            <a:extLst>
              <a:ext uri="{FF2B5EF4-FFF2-40B4-BE49-F238E27FC236}">
                <a16:creationId xmlns:a16="http://schemas.microsoft.com/office/drawing/2014/main" id="{90A1E96C-2B0F-D080-8267-D7CF9548C4BA}"/>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19</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pic>
        <p:nvPicPr>
          <p:cNvPr id="5" name="Picture 2" descr="Interessentanalyse - Wikipedia, den frie encyklopædi">
            <a:extLst>
              <a:ext uri="{FF2B5EF4-FFF2-40B4-BE49-F238E27FC236}">
                <a16:creationId xmlns:a16="http://schemas.microsoft.com/office/drawing/2014/main" id="{4C04456F-09F4-219C-CC88-CC0D30448F24}"/>
              </a:ext>
            </a:extLst>
          </p:cNvPr>
          <p:cNvPicPr>
            <a:picLocks noChangeAspect="1" noChangeArrowheads="1"/>
          </p:cNvPicPr>
          <p:nvPr/>
        </p:nvPicPr>
        <p:blipFill rotWithShape="1">
          <a:blip r:embed="rId4" cstate="print">
            <a:extLst>
              <a:ext uri="{28A0092B-C50C-407E-A947-70E740481C1C}">
                <a14:useLocalDpi xmlns:a14="http://schemas.microsoft.com/office/drawing/2010/main" val="0"/>
              </a:ext>
            </a:extLst>
          </a:blip>
          <a:srcRect t="22944" r="5749" b="6685"/>
          <a:stretch>
            <a:fillRect/>
          </a:stretch>
        </p:blipFill>
        <p:spPr bwMode="auto">
          <a:xfrm>
            <a:off x="6460090" y="2420599"/>
            <a:ext cx="4759282" cy="2526071"/>
          </a:xfrm>
          <a:prstGeom prst="rect">
            <a:avLst/>
          </a:prstGeom>
          <a:noFill/>
          <a:extLst>
            <a:ext uri="{909E8E84-426E-40DD-AFC4-6F175D3DCCD1}">
              <a14:hiddenFill xmlns:a14="http://schemas.microsoft.com/office/drawing/2010/main">
                <a:solidFill>
                  <a:srgbClr val="FFFFFF"/>
                </a:solidFill>
              </a14:hiddenFill>
            </a:ext>
          </a:extLst>
        </p:spPr>
      </p:pic>
      <p:sp>
        <p:nvSpPr>
          <p:cNvPr id="6" name="Tekstfelt 5">
            <a:extLst>
              <a:ext uri="{FF2B5EF4-FFF2-40B4-BE49-F238E27FC236}">
                <a16:creationId xmlns:a16="http://schemas.microsoft.com/office/drawing/2014/main" id="{35B5C056-2348-0357-A47A-C0216C8B6786}"/>
              </a:ext>
            </a:extLst>
          </p:cNvPr>
          <p:cNvSpPr txBox="1"/>
          <p:nvPr/>
        </p:nvSpPr>
        <p:spPr>
          <a:xfrm>
            <a:off x="6250230" y="2002202"/>
            <a:ext cx="3688899" cy="204671"/>
          </a:xfrm>
          <a:prstGeom prst="rect">
            <a:avLst/>
          </a:prstGeom>
          <a:noFill/>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Eksempel på ramme for in</a:t>
            </a:r>
            <a:r>
              <a:rPr kumimoji="0" lang="da-DK" sz="1400" b="0" i="0" u="none" strike="noStrike" kern="1200" cap="none" spc="0" normalizeH="0" baseline="0" noProof="0" err="1">
                <a:ln>
                  <a:noFill/>
                </a:ln>
                <a:solidFill>
                  <a:srgbClr val="000000"/>
                </a:solidFill>
                <a:effectLst/>
                <a:uLnTx/>
                <a:uFillTx/>
                <a:latin typeface="AU Passata" pitchFamily="34" charset="0"/>
                <a:ea typeface="+mn-ea"/>
                <a:cs typeface="+mn-cs"/>
              </a:rPr>
              <a:t>teressentanalyse</a:t>
            </a: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
        <p:nvSpPr>
          <p:cNvPr id="7" name="Rektangel 6">
            <a:extLst>
              <a:ext uri="{FF2B5EF4-FFF2-40B4-BE49-F238E27FC236}">
                <a16:creationId xmlns:a16="http://schemas.microsoft.com/office/drawing/2014/main" id="{C7B12FF3-8EC3-81E4-A844-E6A40DB791D3}"/>
              </a:ext>
            </a:extLst>
          </p:cNvPr>
          <p:cNvSpPr/>
          <p:nvPr/>
        </p:nvSpPr>
        <p:spPr bwMode="auto">
          <a:xfrm>
            <a:off x="6094412" y="1906505"/>
            <a:ext cx="5490638" cy="3253891"/>
          </a:xfrm>
          <a:prstGeom prst="rect">
            <a:avLst/>
          </a:prstGeom>
          <a:noFill/>
          <a:ln w="1778" cap="flat" cmpd="sng" algn="ctr">
            <a:solidFill>
              <a:schemeClr val="bg1">
                <a:lumMod val="75000"/>
              </a:schemeClr>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en-GB"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spTree>
    <p:extLst>
      <p:ext uri="{BB962C8B-B14F-4D97-AF65-F5344CB8AC3E}">
        <p14:creationId xmlns:p14="http://schemas.microsoft.com/office/powerpoint/2010/main" val="364388023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7FC6D41D-204B-1B56-C7DC-655694EAEEBE}"/>
            </a:ext>
          </a:extLst>
        </p:cNvPr>
        <p:cNvGrpSpPr/>
        <p:nvPr/>
      </p:nvGrpSpPr>
      <p:grpSpPr>
        <a:xfrm>
          <a:off x="0" y="0"/>
          <a:ext cx="0" cy="0"/>
          <a:chOff x="0" y="0"/>
          <a:chExt cx="0" cy="0"/>
        </a:xfrm>
      </p:grpSpPr>
      <p:pic>
        <p:nvPicPr>
          <p:cNvPr id="22" name="Billede 21">
            <a:extLst>
              <a:ext uri="{FF2B5EF4-FFF2-40B4-BE49-F238E27FC236}">
                <a16:creationId xmlns:a16="http://schemas.microsoft.com/office/drawing/2014/main" id="{E266A93B-ED5E-46A9-6B75-3585C88073D6}"/>
              </a:ext>
            </a:extLst>
          </p:cNvPr>
          <p:cNvPicPr>
            <a:picLocks noChangeAspect="1"/>
          </p:cNvPicPr>
          <p:nvPr/>
        </p:nvPicPr>
        <p:blipFill>
          <a:blip r:embed="rId3" cstate="print">
            <a:extLst>
              <a:ext uri="{28A0092B-C50C-407E-A947-70E740481C1C}">
                <a14:useLocalDpi xmlns:a14="http://schemas.microsoft.com/office/drawing/2010/main" val="0"/>
              </a:ext>
            </a:extLst>
          </a:blip>
          <a:srcRect l="31015" t="5702" r="19017" b="9956"/>
          <a:stretch>
            <a:fillRect/>
          </a:stretch>
        </p:blipFill>
        <p:spPr>
          <a:xfrm>
            <a:off x="6094412" y="0"/>
            <a:ext cx="6094413" cy="6858000"/>
          </a:xfrm>
          <a:prstGeom prst="rect">
            <a:avLst/>
          </a:prstGeom>
        </p:spPr>
      </p:pic>
      <p:sp>
        <p:nvSpPr>
          <p:cNvPr id="3" name="Tekstfelt 2">
            <a:extLst>
              <a:ext uri="{FF2B5EF4-FFF2-40B4-BE49-F238E27FC236}">
                <a16:creationId xmlns:a16="http://schemas.microsoft.com/office/drawing/2014/main" id="{B159A5FA-530E-CC01-DED1-A8CBCBC74FFE}"/>
              </a:ext>
            </a:extLst>
          </p:cNvPr>
          <p:cNvSpPr txBox="1"/>
          <p:nvPr/>
        </p:nvSpPr>
        <p:spPr>
          <a:xfrm>
            <a:off x="517391" y="1540519"/>
            <a:ext cx="4859077" cy="2954655"/>
          </a:xfrm>
          <a:prstGeom prst="rect">
            <a:avLst/>
          </a:prstGeom>
          <a:noFill/>
        </p:spPr>
        <p:txBody>
          <a:bodyPr wrap="square" lIns="0" tIns="0" rIns="0" bIns="0" rtlCol="0" anchor="t">
            <a:spAutoFit/>
          </a:bodyPr>
          <a:lstStyle/>
          <a:p>
            <a:pPr marL="0" marR="0" lvl="0" indent="0" algn="l" defTabSz="914400" rtl="0" eaLnBrk="0" fontAlgn="base" latinLnBrk="0" hangingPunct="0">
              <a:lnSpc>
                <a:spcPct val="100000"/>
              </a:lnSpc>
              <a:spcBef>
                <a:spcPct val="0"/>
              </a:spcBef>
              <a:spcAft>
                <a:spcPct val="0"/>
              </a:spcAft>
              <a:buClrTx/>
              <a:buSzTx/>
              <a:buFont typeface="AU Passata" pitchFamily="34" charset="0"/>
              <a:buNone/>
              <a:tabLst/>
              <a:defRPr/>
            </a:pPr>
            <a:r>
              <a:rPr kumimoji="0" lang="da-DK" altLang="da-DK" sz="1600" b="1"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Praktisk guide til strategiarbejde på AU </a:t>
            </a:r>
          </a:p>
          <a:p>
            <a:pPr marL="488830" marR="0" lvl="1" indent="-342900" algn="l" defTabSz="914400" rtl="0" eaLnBrk="1" fontAlgn="base" latinLnBrk="0" hangingPunct="1">
              <a:lnSpc>
                <a:spcPct val="100000"/>
              </a:lnSpc>
              <a:spcBef>
                <a:spcPct val="0"/>
              </a:spcBef>
              <a:spcAft>
                <a:spcPct val="0"/>
              </a:spcAft>
              <a:buClr>
                <a:srgbClr val="000000"/>
              </a:buClr>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Fælles situationsbillede </a:t>
            </a:r>
          </a:p>
          <a:p>
            <a:pPr marL="488830" marR="0" lvl="1" indent="-342900" algn="l" defTabSz="914400" rtl="0" eaLnBrk="1" fontAlgn="base" latinLnBrk="0" hangingPunct="1">
              <a:lnSpc>
                <a:spcPct val="100000"/>
              </a:lnSpc>
              <a:spcBef>
                <a:spcPct val="0"/>
              </a:spcBef>
              <a:spcAft>
                <a:spcPct val="0"/>
              </a:spcAft>
              <a:buClr>
                <a:srgbClr val="000000"/>
              </a:buClr>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S</a:t>
            </a:r>
            <a:r>
              <a:rPr kumimoji="0" lang="da-DK" sz="1600" b="0" i="0" u="none" strike="noStrike" kern="1200" cap="none" spc="0" normalizeH="0" baseline="0" noProof="0" dirty="0" err="1">
                <a:ln>
                  <a:noFill/>
                </a:ln>
                <a:solidFill>
                  <a:srgbClr val="000000"/>
                </a:solidFill>
                <a:effectLst/>
                <a:uLnTx/>
                <a:uFillTx/>
                <a:latin typeface="AU Passata Light" panose="020B0303030902030804" pitchFamily="34" charset="0"/>
                <a:ea typeface="+mn-ea"/>
                <a:cs typeface="+mn-cs"/>
              </a:rPr>
              <a:t>trategisk</a:t>
            </a:r>
            <a:r>
              <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 intention </a:t>
            </a:r>
          </a:p>
          <a:p>
            <a:pPr marL="488830" marR="0" lvl="1" indent="-342900" algn="l" defTabSz="914400" rtl="0" eaLnBrk="1" fontAlgn="base" latinLnBrk="0" hangingPunct="1">
              <a:lnSpc>
                <a:spcPct val="100000"/>
              </a:lnSpc>
              <a:spcBef>
                <a:spcPct val="0"/>
              </a:spcBef>
              <a:spcAft>
                <a:spcPct val="0"/>
              </a:spcAft>
              <a:buClr>
                <a:srgbClr val="000000"/>
              </a:buClr>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Samlende bevægelser </a:t>
            </a:r>
          </a:p>
          <a:p>
            <a:pPr marL="488830" marR="0" lvl="1" indent="-342900" algn="l" defTabSz="914400" rtl="0" eaLnBrk="1" fontAlgn="base" latinLnBrk="0" hangingPunct="1">
              <a:lnSpc>
                <a:spcPct val="100000"/>
              </a:lnSpc>
              <a:spcBef>
                <a:spcPct val="0"/>
              </a:spcBef>
              <a:spcAft>
                <a:spcPct val="0"/>
              </a:spcAft>
              <a:buClr>
                <a:srgbClr val="000000"/>
              </a:buClr>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Kortsigtede opgavelister </a:t>
            </a:r>
          </a:p>
          <a:p>
            <a:pPr marL="488830" marR="0" lvl="1" indent="-342900" algn="l" defTabSz="914400" rtl="0" eaLnBrk="1" fontAlgn="base" latinLnBrk="0" hangingPunct="1">
              <a:lnSpc>
                <a:spcPct val="100000"/>
              </a:lnSpc>
              <a:spcBef>
                <a:spcPct val="0"/>
              </a:spcBef>
              <a:spcAft>
                <a:spcPct val="0"/>
              </a:spcAft>
              <a:buClr>
                <a:srgbClr val="000000"/>
              </a:buClr>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Kontinuerlig opfølgning </a:t>
            </a:r>
          </a:p>
          <a:p>
            <a:pPr marL="145930" marR="0" lvl="1" indent="0" algn="l" defTabSz="914400" rtl="0" eaLnBrk="1" fontAlgn="base" latinLnBrk="0" hangingPunct="1">
              <a:lnSpc>
                <a:spcPct val="100000"/>
              </a:lnSpc>
              <a:spcBef>
                <a:spcPct val="0"/>
              </a:spcBef>
              <a:spcAft>
                <a:spcPct val="0"/>
              </a:spcAft>
              <a:buClr>
                <a:srgbClr val="000000"/>
              </a:buClr>
              <a:buSzTx/>
              <a:buFont typeface="AU Passata" pitchFamily="34" charset="0"/>
              <a:buNone/>
              <a:tabLst/>
              <a:defRPr/>
            </a:pPr>
            <a:endParaRPr kumimoji="0" lang="da-DK" sz="1600" b="1"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endParaRPr>
          </a:p>
          <a:p>
            <a:pPr marL="0" marR="0" lvl="0" indent="-349" algn="l" defTabSz="914400" rtl="0" eaLnBrk="1" fontAlgn="base" latinLnBrk="0" hangingPunct="1">
              <a:lnSpc>
                <a:spcPct val="100000"/>
              </a:lnSpc>
              <a:spcBef>
                <a:spcPct val="0"/>
              </a:spcBef>
              <a:spcAft>
                <a:spcPct val="0"/>
              </a:spcAft>
              <a:buClr>
                <a:srgbClr val="FFFFFF"/>
              </a:buClr>
              <a:buSzTx/>
              <a:buFont typeface="Calibri" panose="020F0502020204030204" pitchFamily="34" charset="0"/>
              <a:buNone/>
              <a:tabLst/>
              <a:defRPr/>
            </a:pPr>
            <a:r>
              <a:rPr kumimoji="0" lang="da-DK" sz="1600" b="1"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Andre hjælpeværktøjer</a:t>
            </a:r>
          </a:p>
          <a:p>
            <a:pPr marL="488830" marR="0" lvl="1" indent="-342900" algn="l" defTabSz="914400" rtl="0" eaLnBrk="1" fontAlgn="base" latinLnBrk="0" hangingPunct="1">
              <a:lnSpc>
                <a:spcPct val="100000"/>
              </a:lnSpc>
              <a:spcBef>
                <a:spcPct val="0"/>
              </a:spcBef>
              <a:spcAft>
                <a:spcPct val="0"/>
              </a:spcAft>
              <a:buClr>
                <a:srgbClr val="000000"/>
              </a:buClr>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Procesplan</a:t>
            </a:r>
          </a:p>
          <a:p>
            <a:pPr marL="488830" marR="0" lvl="1" indent="-342900" algn="l" defTabSz="914400" rtl="0" eaLnBrk="1" fontAlgn="base" latinLnBrk="0" hangingPunct="1">
              <a:lnSpc>
                <a:spcPct val="100000"/>
              </a:lnSpc>
              <a:spcBef>
                <a:spcPct val="0"/>
              </a:spcBef>
              <a:spcAft>
                <a:spcPct val="0"/>
              </a:spcAft>
              <a:buClr>
                <a:srgbClr val="000000"/>
              </a:buClr>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rPr>
              <a:t>Interessentanalyse</a:t>
            </a:r>
          </a:p>
          <a:p>
            <a:pPr marL="1041088" marR="0" lvl="2" indent="-285664" algn="l" defTabSz="914400" rtl="0" eaLnBrk="1" fontAlgn="base" latinLnBrk="0" hangingPunct="1">
              <a:lnSpc>
                <a:spcPct val="100000"/>
              </a:lnSpc>
              <a:spcBef>
                <a:spcPct val="0"/>
              </a:spcBef>
              <a:spcAft>
                <a:spcPct val="0"/>
              </a:spcAft>
              <a:buClr>
                <a:srgbClr val="FFFFFF"/>
              </a:buClr>
              <a:buSzTx/>
              <a:buFont typeface="AU Passata" pitchFamily="34" charset="0"/>
              <a:buNone/>
              <a:tabLst/>
              <a:defRPr/>
            </a:pPr>
            <a:endPar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endParaRPr>
          </a:p>
        </p:txBody>
      </p:sp>
      <p:sp>
        <p:nvSpPr>
          <p:cNvPr id="8" name="object 5">
            <a:extLst>
              <a:ext uri="{FF2B5EF4-FFF2-40B4-BE49-F238E27FC236}">
                <a16:creationId xmlns:a16="http://schemas.microsoft.com/office/drawing/2014/main" id="{A82790B4-746E-5D9B-8131-39408796F100}"/>
              </a:ext>
            </a:extLst>
          </p:cNvPr>
          <p:cNvSpPr txBox="1">
            <a:spLocks/>
          </p:cNvSpPr>
          <p:nvPr/>
        </p:nvSpPr>
        <p:spPr bwMode="auto">
          <a:xfrm>
            <a:off x="477788" y="695460"/>
            <a:ext cx="4680520"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0" i="0" u="none" strike="noStrike" kern="0" cap="none" spc="-50" normalizeH="0" baseline="0" noProof="0">
                <a:ln>
                  <a:noFill/>
                </a:ln>
                <a:solidFill>
                  <a:srgbClr val="A64443"/>
                </a:solidFill>
                <a:effectLst/>
                <a:uLnTx/>
                <a:uFillTx/>
                <a:latin typeface="AU Passata Light"/>
                <a:ea typeface="+mj-ea"/>
                <a:cs typeface="+mj-cs"/>
              </a:rPr>
              <a:t>Indhold i værktøjskassen </a:t>
            </a:r>
          </a:p>
        </p:txBody>
      </p:sp>
      <p:sp>
        <p:nvSpPr>
          <p:cNvPr id="9" name="Rektangel 8">
            <a:extLst>
              <a:ext uri="{FF2B5EF4-FFF2-40B4-BE49-F238E27FC236}">
                <a16:creationId xmlns:a16="http://schemas.microsoft.com/office/drawing/2014/main" id="{B1ACA0DB-EF54-F61D-F31A-11801AF7C9D5}"/>
              </a:ext>
            </a:extLst>
          </p:cNvPr>
          <p:cNvSpPr/>
          <p:nvPr/>
        </p:nvSpPr>
        <p:spPr bwMode="auto">
          <a:xfrm>
            <a:off x="6094412" y="14754"/>
            <a:ext cx="5376469" cy="6843246"/>
          </a:xfrm>
          <a:prstGeom prst="rect">
            <a:avLst/>
          </a:prstGeom>
          <a:gradFill>
            <a:gsLst>
              <a:gs pos="0">
                <a:srgbClr val="102B48"/>
              </a:gs>
              <a:gs pos="41000">
                <a:srgbClr val="102B48">
                  <a:alpha val="84000"/>
                </a:srgbClr>
              </a:gs>
              <a:gs pos="83000">
                <a:schemeClr val="accent2">
                  <a:lumMod val="75000"/>
                  <a:alpha val="45000"/>
                </a:schemeClr>
              </a:gs>
              <a:gs pos="99000">
                <a:srgbClr val="102B48">
                  <a:alpha val="0"/>
                </a:srgbClr>
              </a:gs>
            </a:gsLst>
            <a:lin ang="0" scaled="1"/>
          </a:gra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sp>
        <p:nvSpPr>
          <p:cNvPr id="12" name="Tekstfelt 11">
            <a:extLst>
              <a:ext uri="{FF2B5EF4-FFF2-40B4-BE49-F238E27FC236}">
                <a16:creationId xmlns:a16="http://schemas.microsoft.com/office/drawing/2014/main" id="{A62E471D-30C5-D696-C3BB-5F0210DC3893}"/>
              </a:ext>
            </a:extLst>
          </p:cNvPr>
          <p:cNvSpPr txBox="1"/>
          <p:nvPr/>
        </p:nvSpPr>
        <p:spPr>
          <a:xfrm>
            <a:off x="6509957" y="1540519"/>
            <a:ext cx="5376468" cy="5170646"/>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600" b="1" i="0" u="none" strike="noStrike" kern="1200" cap="none" spc="0" normalizeH="0" baseline="0" noProof="0" dirty="0">
                <a:ln>
                  <a:noFill/>
                </a:ln>
                <a:solidFill>
                  <a:srgbClr val="FFFFFF"/>
                </a:solidFill>
                <a:effectLst/>
                <a:uLnTx/>
                <a:uFillTx/>
                <a:latin typeface="AU Passata" pitchFamily="34" charset="0"/>
                <a:ea typeface="+mn-ea"/>
                <a:cs typeface="+mn-cs"/>
              </a:rPr>
              <a:t>Læsevejledning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rPr>
              <a:t>Denne værktøjskasse er udviklet som praktisk og konkret støtte til arbejdet med strategi på AU.</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rPr>
              <a:t>Materialet kan bruges, uanset hvor langt I er i jeres strategiske arbejde – både hvis I står ved begyndelsen af en strategisk proces, eller allerede arbejder systematisk med strategi.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rPr>
              <a:t>Materialet består af fem konkrete skridt i strategiarbejdet, som I kan vælge at bruge som et samlet forløb – eller udvælge de værktøjer, der giver mening i jeres kontekst.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rPr>
              <a:t>Strategiarbejdet er en kontinuerlig bevægelse med Strategi 2030 som rød tråd, hvor lokal retning og prioriteringer løbende justeres. Værktøjskassen er tænkt som et grundlag for netop de løbende samtaler, prioriteringer og handlinger, der holder strategien levende i hverdagen.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rPr>
              <a:t>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dirty="0">
              <a:ln>
                <a:noFill/>
              </a:ln>
              <a:solidFill>
                <a:srgbClr val="FFFFFF"/>
              </a:solidFill>
              <a:effectLst/>
              <a:uLnTx/>
              <a:uFillTx/>
              <a:latin typeface="AU Passata" pitchFamily="34" charset="0"/>
              <a:ea typeface="+mn-ea"/>
              <a:cs typeface="+mn-cs"/>
            </a:endParaRPr>
          </a:p>
        </p:txBody>
      </p:sp>
      <p:pic>
        <p:nvPicPr>
          <p:cNvPr id="4" name="Au logo">
            <a:extLst>
              <a:ext uri="{FF2B5EF4-FFF2-40B4-BE49-F238E27FC236}">
                <a16:creationId xmlns:a16="http://schemas.microsoft.com/office/drawing/2014/main" id="{BACB01C9-981B-58B8-E6F0-994AF9AAE441}"/>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302400" y="5999002"/>
            <a:ext cx="557570" cy="558000"/>
          </a:xfrm>
          <a:prstGeom prst="rect">
            <a:avLst/>
          </a:prstGeom>
        </p:spPr>
      </p:pic>
    </p:spTree>
    <p:extLst>
      <p:ext uri="{BB962C8B-B14F-4D97-AF65-F5344CB8AC3E}">
        <p14:creationId xmlns:p14="http://schemas.microsoft.com/office/powerpoint/2010/main" val="1918604118"/>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CD3F12F-E0AC-3F85-B04B-A0B199A4C402}"/>
            </a:ext>
          </a:extLst>
        </p:cNvPr>
        <p:cNvGrpSpPr/>
        <p:nvPr/>
      </p:nvGrpSpPr>
      <p:grpSpPr>
        <a:xfrm>
          <a:off x="0" y="0"/>
          <a:ext cx="0" cy="0"/>
          <a:chOff x="0" y="0"/>
          <a:chExt cx="0" cy="0"/>
        </a:xfrm>
      </p:grpSpPr>
      <p:pic>
        <p:nvPicPr>
          <p:cNvPr id="4" name="Billede 3" descr="Et billede, der indeholder udendørs, træ, bygning, sky&#10;&#10;AI-genereret indhold kan være ukorrekt.">
            <a:extLst>
              <a:ext uri="{FF2B5EF4-FFF2-40B4-BE49-F238E27FC236}">
                <a16:creationId xmlns:a16="http://schemas.microsoft.com/office/drawing/2014/main" id="{DBBD100F-17B8-46D0-7DD4-A6348055583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586" y="-893"/>
            <a:ext cx="12188825" cy="6848122"/>
          </a:xfrm>
          <a:prstGeom prst="rect">
            <a:avLst/>
          </a:prstGeom>
        </p:spPr>
      </p:pic>
    </p:spTree>
    <p:extLst>
      <p:ext uri="{BB962C8B-B14F-4D97-AF65-F5344CB8AC3E}">
        <p14:creationId xmlns:p14="http://schemas.microsoft.com/office/powerpoint/2010/main" val="412204090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D19908BC-C780-344A-FFCD-7FCD3CF27FA8}"/>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339DC140-39D0-EB29-AE5D-37A9CE89B5A7}"/>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E798254B-CBA1-413D-859B-3EFA4C94D81E}"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2" name="object 5">
            <a:extLst>
              <a:ext uri="{FF2B5EF4-FFF2-40B4-BE49-F238E27FC236}">
                <a16:creationId xmlns:a16="http://schemas.microsoft.com/office/drawing/2014/main" id="{82A4AC7B-7E9A-39A3-F98E-536D55620700}"/>
              </a:ext>
            </a:extLst>
          </p:cNvPr>
          <p:cNvSpPr txBox="1">
            <a:spLocks/>
          </p:cNvSpPr>
          <p:nvPr/>
        </p:nvSpPr>
        <p:spPr bwMode="auto">
          <a:xfrm>
            <a:off x="581184" y="2454609"/>
            <a:ext cx="6461642" cy="1120820"/>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600" b="1" i="0" u="none" strike="noStrike" kern="0" cap="none" spc="-50" normalizeH="0" baseline="0" noProof="0">
                <a:ln>
                  <a:noFill/>
                </a:ln>
                <a:solidFill>
                  <a:srgbClr val="A64443"/>
                </a:solidFill>
                <a:effectLst/>
                <a:uLnTx/>
                <a:uFillTx/>
                <a:latin typeface="AU Passata Light"/>
                <a:ea typeface="+mj-ea"/>
                <a:cs typeface="+mj-cs"/>
              </a:rPr>
              <a:t>En praktisk guide </a:t>
            </a:r>
            <a:br>
              <a:rPr kumimoji="0" lang="da-DK" sz="3600" b="0" i="0" u="none" strike="noStrike" kern="0" cap="none" spc="-50" normalizeH="0" baseline="0" noProof="0">
                <a:ln>
                  <a:noFill/>
                </a:ln>
                <a:solidFill>
                  <a:srgbClr val="A64443"/>
                </a:solidFill>
                <a:effectLst/>
                <a:uLnTx/>
                <a:uFillTx/>
                <a:latin typeface="AU Passata Light"/>
                <a:ea typeface="+mj-ea"/>
                <a:cs typeface="+mj-cs"/>
              </a:rPr>
            </a:br>
            <a:r>
              <a:rPr kumimoji="0" lang="da-DK" sz="3600" b="0" i="0" u="none" strike="noStrike" kern="0" cap="none" spc="-50" normalizeH="0" baseline="0" noProof="0">
                <a:ln>
                  <a:noFill/>
                </a:ln>
                <a:solidFill>
                  <a:srgbClr val="A64443"/>
                </a:solidFill>
                <a:effectLst/>
                <a:uLnTx/>
                <a:uFillTx/>
                <a:latin typeface="AU Passata Light"/>
                <a:ea typeface="+mj-ea"/>
                <a:cs typeface="+mj-cs"/>
              </a:rPr>
              <a:t>til strategiarbejde på AU </a:t>
            </a:r>
          </a:p>
        </p:txBody>
      </p:sp>
      <p:pic>
        <p:nvPicPr>
          <p:cNvPr id="5" name="Billede 4" descr="Et billede, der indeholder udendørs, sky, bygning, plante&#10;&#10;AI-genereret indhold kan være ukorrekt.">
            <a:extLst>
              <a:ext uri="{FF2B5EF4-FFF2-40B4-BE49-F238E27FC236}">
                <a16:creationId xmlns:a16="http://schemas.microsoft.com/office/drawing/2014/main" id="{B509741F-EA21-CD23-5568-D9E11068AA4D}"/>
              </a:ext>
            </a:extLst>
          </p:cNvPr>
          <p:cNvPicPr>
            <a:picLocks noChangeAspect="1"/>
          </p:cNvPicPr>
          <p:nvPr/>
        </p:nvPicPr>
        <p:blipFill>
          <a:blip r:embed="rId3" cstate="print">
            <a:extLst>
              <a:ext uri="{28A0092B-C50C-407E-A947-70E740481C1C}">
                <a14:useLocalDpi xmlns:a14="http://schemas.microsoft.com/office/drawing/2010/main" val="0"/>
              </a:ext>
            </a:extLst>
          </a:blip>
          <a:srcRect r="40755"/>
          <a:stretch>
            <a:fillRect/>
          </a:stretch>
        </p:blipFill>
        <p:spPr>
          <a:xfrm>
            <a:off x="6094412" y="0"/>
            <a:ext cx="6094414" cy="6858000"/>
          </a:xfrm>
          <a:prstGeom prst="rect">
            <a:avLst/>
          </a:prstGeom>
        </p:spPr>
      </p:pic>
      <p:sp>
        <p:nvSpPr>
          <p:cNvPr id="6" name="Pladsholder til slidenummer 5">
            <a:extLst>
              <a:ext uri="{FF2B5EF4-FFF2-40B4-BE49-F238E27FC236}">
                <a16:creationId xmlns:a16="http://schemas.microsoft.com/office/drawing/2014/main" id="{B0A3E36C-0C32-B173-A91E-D01AB734B0F0}"/>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3</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30723164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1857ED4-F168-F9D0-28C4-DE9D8E86B721}"/>
            </a:ext>
          </a:extLst>
        </p:cNvPr>
        <p:cNvGrpSpPr/>
        <p:nvPr/>
      </p:nvGrpSpPr>
      <p:grpSpPr>
        <a:xfrm>
          <a:off x="0" y="0"/>
          <a:ext cx="0" cy="0"/>
          <a:chOff x="0" y="0"/>
          <a:chExt cx="0" cy="0"/>
        </a:xfrm>
      </p:grpSpPr>
      <p:sp>
        <p:nvSpPr>
          <p:cNvPr id="2" name="object 5">
            <a:extLst>
              <a:ext uri="{FF2B5EF4-FFF2-40B4-BE49-F238E27FC236}">
                <a16:creationId xmlns:a16="http://schemas.microsoft.com/office/drawing/2014/main" id="{96C1E1AF-EAAA-483E-1BC7-70B7CE3377B5}"/>
              </a:ext>
            </a:extLst>
          </p:cNvPr>
          <p:cNvSpPr txBox="1">
            <a:spLocks/>
          </p:cNvSpPr>
          <p:nvPr/>
        </p:nvSpPr>
        <p:spPr bwMode="auto">
          <a:xfrm>
            <a:off x="477788" y="449239"/>
            <a:ext cx="5027104" cy="997709"/>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A64443"/>
                </a:solidFill>
                <a:effectLst/>
                <a:uLnTx/>
                <a:uFillTx/>
                <a:latin typeface="AU Passata Light"/>
                <a:ea typeface="+mj-ea"/>
                <a:cs typeface="+mj-cs"/>
              </a:rPr>
              <a:t>En praktisk guide </a:t>
            </a:r>
            <a:r>
              <a:rPr kumimoji="0" lang="da-DK" sz="3200" b="0" i="0" u="none" strike="noStrike" kern="0" cap="none" spc="-50" normalizeH="0" baseline="0" noProof="0">
                <a:ln>
                  <a:noFill/>
                </a:ln>
                <a:solidFill>
                  <a:srgbClr val="A64443"/>
                </a:solidFill>
                <a:effectLst/>
                <a:uLnTx/>
                <a:uFillTx/>
                <a:latin typeface="AU Passata Light"/>
                <a:ea typeface="+mj-ea"/>
                <a:cs typeface="+mj-cs"/>
              </a:rPr>
              <a:t>til strategiarbejde på AU </a:t>
            </a:r>
          </a:p>
        </p:txBody>
      </p:sp>
      <p:sp>
        <p:nvSpPr>
          <p:cNvPr id="128" name="Tekstfelt 127">
            <a:extLst>
              <a:ext uri="{FF2B5EF4-FFF2-40B4-BE49-F238E27FC236}">
                <a16:creationId xmlns:a16="http://schemas.microsoft.com/office/drawing/2014/main" id="{53F04814-4284-C8D2-FEED-E3CCDF6AD383}"/>
              </a:ext>
            </a:extLst>
          </p:cNvPr>
          <p:cNvSpPr txBox="1"/>
          <p:nvPr/>
        </p:nvSpPr>
        <p:spPr>
          <a:xfrm>
            <a:off x="6294389" y="3813795"/>
            <a:ext cx="161925" cy="409343"/>
          </a:xfrm>
          <a:prstGeom prst="rect">
            <a:avLst/>
          </a:prstGeom>
          <a:noFill/>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a:ln>
                  <a:noFill/>
                </a:ln>
                <a:solidFill>
                  <a:srgbClr val="C00000"/>
                </a:solidFill>
                <a:effectLst/>
                <a:uLnTx/>
                <a:uFillTx/>
                <a:latin typeface="AU Passata"/>
                <a:ea typeface="+mn-ea"/>
                <a:cs typeface="+mn-cs"/>
              </a:rPr>
              <a:t>4</a:t>
            </a:r>
          </a:p>
        </p:txBody>
      </p:sp>
      <p:sp>
        <p:nvSpPr>
          <p:cNvPr id="129" name="Tekstfelt 128">
            <a:extLst>
              <a:ext uri="{FF2B5EF4-FFF2-40B4-BE49-F238E27FC236}">
                <a16:creationId xmlns:a16="http://schemas.microsoft.com/office/drawing/2014/main" id="{09209605-985A-49C6-237B-1DAB35F485BC}"/>
              </a:ext>
            </a:extLst>
          </p:cNvPr>
          <p:cNvSpPr txBox="1"/>
          <p:nvPr/>
        </p:nvSpPr>
        <p:spPr>
          <a:xfrm>
            <a:off x="5571780" y="4273536"/>
            <a:ext cx="1539505"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83D83">
                    <a:lumMod val="50000"/>
                  </a:srgbClr>
                </a:solidFill>
                <a:effectLst/>
                <a:uLnTx/>
                <a:uFillTx/>
                <a:latin typeface="AU Passata"/>
                <a:ea typeface="+mn-ea"/>
                <a:cs typeface="+mn-cs"/>
              </a:rPr>
              <a:t>Lav kortsigtede opgavelister </a:t>
            </a:r>
          </a:p>
        </p:txBody>
      </p:sp>
      <p:sp>
        <p:nvSpPr>
          <p:cNvPr id="130" name="Tekstfelt 129">
            <a:extLst>
              <a:ext uri="{FF2B5EF4-FFF2-40B4-BE49-F238E27FC236}">
                <a16:creationId xmlns:a16="http://schemas.microsoft.com/office/drawing/2014/main" id="{A8EAEF0D-1099-664E-65C6-3FA5C9F53CEE}"/>
              </a:ext>
            </a:extLst>
          </p:cNvPr>
          <p:cNvSpPr txBox="1"/>
          <p:nvPr/>
        </p:nvSpPr>
        <p:spPr>
          <a:xfrm>
            <a:off x="10986332" y="4811487"/>
            <a:ext cx="161925" cy="409343"/>
          </a:xfrm>
          <a:prstGeom prst="rect">
            <a:avLst/>
          </a:prstGeom>
          <a:noFill/>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a:ln>
                  <a:noFill/>
                </a:ln>
                <a:solidFill>
                  <a:srgbClr val="C00000"/>
                </a:solidFill>
                <a:effectLst/>
                <a:uLnTx/>
                <a:uFillTx/>
                <a:latin typeface="AU Passata"/>
                <a:ea typeface="+mn-ea"/>
                <a:cs typeface="+mn-cs"/>
              </a:rPr>
              <a:t>5</a:t>
            </a:r>
          </a:p>
        </p:txBody>
      </p:sp>
      <p:sp>
        <p:nvSpPr>
          <p:cNvPr id="40" name="Tekstfelt 39">
            <a:extLst>
              <a:ext uri="{FF2B5EF4-FFF2-40B4-BE49-F238E27FC236}">
                <a16:creationId xmlns:a16="http://schemas.microsoft.com/office/drawing/2014/main" id="{CB9AC847-6046-E694-DCAC-8671C332B259}"/>
              </a:ext>
            </a:extLst>
          </p:cNvPr>
          <p:cNvSpPr txBox="1"/>
          <p:nvPr/>
        </p:nvSpPr>
        <p:spPr>
          <a:xfrm>
            <a:off x="9327192" y="590797"/>
            <a:ext cx="1384993"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83D83">
                    <a:lumMod val="50000"/>
                  </a:srgbClr>
                </a:solidFill>
                <a:effectLst/>
                <a:uLnTx/>
                <a:uFillTx/>
                <a:latin typeface="AU Passata"/>
                <a:ea typeface="+mn-ea"/>
                <a:cs typeface="+mn-cs"/>
              </a:rPr>
              <a:t>Skab et fælles situationsbillede </a:t>
            </a:r>
          </a:p>
        </p:txBody>
      </p:sp>
      <p:sp>
        <p:nvSpPr>
          <p:cNvPr id="39" name="Tekstfelt 38">
            <a:extLst>
              <a:ext uri="{FF2B5EF4-FFF2-40B4-BE49-F238E27FC236}">
                <a16:creationId xmlns:a16="http://schemas.microsoft.com/office/drawing/2014/main" id="{1838A3E1-9585-21FE-DED0-2EBE1956E67C}"/>
              </a:ext>
            </a:extLst>
          </p:cNvPr>
          <p:cNvSpPr txBox="1"/>
          <p:nvPr/>
        </p:nvSpPr>
        <p:spPr>
          <a:xfrm>
            <a:off x="9857763" y="175598"/>
            <a:ext cx="161925" cy="409343"/>
          </a:xfrm>
          <a:prstGeom prst="rect">
            <a:avLst/>
          </a:prstGeom>
          <a:solidFill>
            <a:schemeClr val="bg1"/>
          </a:solidFill>
          <a:ln>
            <a:solidFill>
              <a:schemeClr val="bg1"/>
            </a:solid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1</a:t>
            </a:r>
          </a:p>
        </p:txBody>
      </p:sp>
      <p:sp>
        <p:nvSpPr>
          <p:cNvPr id="134" name="Tekstfelt 133">
            <a:extLst>
              <a:ext uri="{FF2B5EF4-FFF2-40B4-BE49-F238E27FC236}">
                <a16:creationId xmlns:a16="http://schemas.microsoft.com/office/drawing/2014/main" id="{06499B56-08A4-F58A-888C-48C58DC076FE}"/>
              </a:ext>
            </a:extLst>
          </p:cNvPr>
          <p:cNvSpPr txBox="1"/>
          <p:nvPr/>
        </p:nvSpPr>
        <p:spPr>
          <a:xfrm>
            <a:off x="5612080" y="2147519"/>
            <a:ext cx="1514372"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83D83">
                    <a:lumMod val="50000"/>
                  </a:srgbClr>
                </a:solidFill>
                <a:effectLst/>
                <a:uLnTx/>
                <a:uFillTx/>
                <a:latin typeface="AU Passata"/>
                <a:ea typeface="+mn-ea"/>
                <a:cs typeface="+mn-cs"/>
              </a:rPr>
              <a:t>Formulér en strategisk intention</a:t>
            </a:r>
          </a:p>
        </p:txBody>
      </p:sp>
      <p:sp>
        <p:nvSpPr>
          <p:cNvPr id="135" name="Tekstfelt 134">
            <a:extLst>
              <a:ext uri="{FF2B5EF4-FFF2-40B4-BE49-F238E27FC236}">
                <a16:creationId xmlns:a16="http://schemas.microsoft.com/office/drawing/2014/main" id="{076DAF03-3E9D-C64D-EDE5-8EC2ED3AC489}"/>
              </a:ext>
            </a:extLst>
          </p:cNvPr>
          <p:cNvSpPr txBox="1"/>
          <p:nvPr/>
        </p:nvSpPr>
        <p:spPr>
          <a:xfrm>
            <a:off x="6289761" y="1707765"/>
            <a:ext cx="341529" cy="409343"/>
          </a:xfrm>
          <a:prstGeom prst="rect">
            <a:avLst/>
          </a:prstGeom>
          <a:solidFill>
            <a:schemeClr val="bg1"/>
          </a:solidFill>
          <a:ln>
            <a:solidFill>
              <a:schemeClr val="bg1"/>
            </a:solid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2</a:t>
            </a:r>
          </a:p>
        </p:txBody>
      </p:sp>
      <p:sp>
        <p:nvSpPr>
          <p:cNvPr id="140" name="Tekstfelt 139">
            <a:extLst>
              <a:ext uri="{FF2B5EF4-FFF2-40B4-BE49-F238E27FC236}">
                <a16:creationId xmlns:a16="http://schemas.microsoft.com/office/drawing/2014/main" id="{2EDD78CD-8777-42BE-910E-0337B5E93C8C}"/>
              </a:ext>
            </a:extLst>
          </p:cNvPr>
          <p:cNvSpPr txBox="1"/>
          <p:nvPr/>
        </p:nvSpPr>
        <p:spPr>
          <a:xfrm>
            <a:off x="10342811" y="3131371"/>
            <a:ext cx="1586149"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83D83">
                    <a:lumMod val="50000"/>
                  </a:srgbClr>
                </a:solidFill>
                <a:effectLst/>
                <a:uLnTx/>
                <a:uFillTx/>
                <a:latin typeface="AU Passata"/>
                <a:ea typeface="+mn-ea"/>
                <a:cs typeface="+mn-cs"/>
              </a:rPr>
              <a:t>Formulér samlende bevægelser</a:t>
            </a:r>
          </a:p>
        </p:txBody>
      </p:sp>
      <p:sp>
        <p:nvSpPr>
          <p:cNvPr id="141" name="Tekstfelt 140">
            <a:extLst>
              <a:ext uri="{FF2B5EF4-FFF2-40B4-BE49-F238E27FC236}">
                <a16:creationId xmlns:a16="http://schemas.microsoft.com/office/drawing/2014/main" id="{8F0A1E5F-9FEA-560D-7F2A-1AF3B8BFAEED}"/>
              </a:ext>
            </a:extLst>
          </p:cNvPr>
          <p:cNvSpPr txBox="1"/>
          <p:nvPr/>
        </p:nvSpPr>
        <p:spPr>
          <a:xfrm>
            <a:off x="10944965" y="2650324"/>
            <a:ext cx="161925" cy="409343"/>
          </a:xfrm>
          <a:prstGeom prst="rect">
            <a:avLst/>
          </a:prstGeom>
          <a:solidFill>
            <a:schemeClr val="bg1"/>
          </a:solidFill>
          <a:ln>
            <a:solidFill>
              <a:schemeClr val="bg1"/>
            </a:solid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3</a:t>
            </a:r>
          </a:p>
        </p:txBody>
      </p:sp>
      <p:sp>
        <p:nvSpPr>
          <p:cNvPr id="142" name="Freeform 2">
            <a:extLst>
              <a:ext uri="{FF2B5EF4-FFF2-40B4-BE49-F238E27FC236}">
                <a16:creationId xmlns:a16="http://schemas.microsoft.com/office/drawing/2014/main" id="{E067DB3F-146F-A631-76E6-88D85470EA46}"/>
              </a:ext>
            </a:extLst>
          </p:cNvPr>
          <p:cNvSpPr>
            <a:spLocks noChangeArrowheads="1"/>
          </p:cNvSpPr>
          <p:nvPr/>
        </p:nvSpPr>
        <p:spPr bwMode="auto">
          <a:xfrm>
            <a:off x="7525526" y="0"/>
            <a:ext cx="2659422" cy="6858000"/>
          </a:xfrm>
          <a:custGeom>
            <a:avLst/>
            <a:gdLst>
              <a:gd name="T0" fmla="*/ 3689 w 6472"/>
              <a:gd name="T1" fmla="*/ 11007 h 11008"/>
              <a:gd name="T2" fmla="*/ 2772 w 6472"/>
              <a:gd name="T3" fmla="*/ 11007 h 11008"/>
              <a:gd name="T4" fmla="*/ 2772 w 6472"/>
              <a:gd name="T5" fmla="*/ 10647 h 11008"/>
              <a:gd name="T6" fmla="*/ 2772 w 6472"/>
              <a:gd name="T7" fmla="*/ 10647 h 11008"/>
              <a:gd name="T8" fmla="*/ 4056 w 6472"/>
              <a:gd name="T9" fmla="*/ 9363 h 11008"/>
              <a:gd name="T10" fmla="*/ 5187 w 6472"/>
              <a:gd name="T11" fmla="*/ 9363 h 11008"/>
              <a:gd name="T12" fmla="*/ 5187 w 6472"/>
              <a:gd name="T13" fmla="*/ 9363 h 11008"/>
              <a:gd name="T14" fmla="*/ 5554 w 6472"/>
              <a:gd name="T15" fmla="*/ 8996 h 11008"/>
              <a:gd name="T16" fmla="*/ 5554 w 6472"/>
              <a:gd name="T17" fmla="*/ 8996 h 11008"/>
              <a:gd name="T18" fmla="*/ 5187 w 6472"/>
              <a:gd name="T19" fmla="*/ 8629 h 11008"/>
              <a:gd name="T20" fmla="*/ 1285 w 6472"/>
              <a:gd name="T21" fmla="*/ 8629 h 11008"/>
              <a:gd name="T22" fmla="*/ 1285 w 6472"/>
              <a:gd name="T23" fmla="*/ 8629 h 11008"/>
              <a:gd name="T24" fmla="*/ 0 w 6472"/>
              <a:gd name="T25" fmla="*/ 7344 h 11008"/>
              <a:gd name="T26" fmla="*/ 0 w 6472"/>
              <a:gd name="T27" fmla="*/ 7344 h 11008"/>
              <a:gd name="T28" fmla="*/ 1285 w 6472"/>
              <a:gd name="T29" fmla="*/ 6060 h 11008"/>
              <a:gd name="T30" fmla="*/ 5187 w 6472"/>
              <a:gd name="T31" fmla="*/ 6060 h 11008"/>
              <a:gd name="T32" fmla="*/ 5187 w 6472"/>
              <a:gd name="T33" fmla="*/ 6060 h 11008"/>
              <a:gd name="T34" fmla="*/ 5554 w 6472"/>
              <a:gd name="T35" fmla="*/ 5694 h 11008"/>
              <a:gd name="T36" fmla="*/ 5554 w 6472"/>
              <a:gd name="T37" fmla="*/ 5694 h 11008"/>
              <a:gd name="T38" fmla="*/ 5187 w 6472"/>
              <a:gd name="T39" fmla="*/ 5328 h 11008"/>
              <a:gd name="T40" fmla="*/ 1285 w 6472"/>
              <a:gd name="T41" fmla="*/ 5328 h 11008"/>
              <a:gd name="T42" fmla="*/ 1285 w 6472"/>
              <a:gd name="T43" fmla="*/ 5328 h 11008"/>
              <a:gd name="T44" fmla="*/ 0 w 6472"/>
              <a:gd name="T45" fmla="*/ 4044 h 11008"/>
              <a:gd name="T46" fmla="*/ 0 w 6472"/>
              <a:gd name="T47" fmla="*/ 4044 h 11008"/>
              <a:gd name="T48" fmla="*/ 1285 w 6472"/>
              <a:gd name="T49" fmla="*/ 2759 h 11008"/>
              <a:gd name="T50" fmla="*/ 2410 w 6472"/>
              <a:gd name="T51" fmla="*/ 2759 h 11008"/>
              <a:gd name="T52" fmla="*/ 2410 w 6472"/>
              <a:gd name="T53" fmla="*/ 2759 h 11008"/>
              <a:gd name="T54" fmla="*/ 2777 w 6472"/>
              <a:gd name="T55" fmla="*/ 2392 h 11008"/>
              <a:gd name="T56" fmla="*/ 2777 w 6472"/>
              <a:gd name="T57" fmla="*/ 0 h 11008"/>
              <a:gd name="T58" fmla="*/ 3694 w 6472"/>
              <a:gd name="T59" fmla="*/ 0 h 11008"/>
              <a:gd name="T60" fmla="*/ 3694 w 6472"/>
              <a:gd name="T61" fmla="*/ 2392 h 11008"/>
              <a:gd name="T62" fmla="*/ 3694 w 6472"/>
              <a:gd name="T63" fmla="*/ 2392 h 11008"/>
              <a:gd name="T64" fmla="*/ 2410 w 6472"/>
              <a:gd name="T65" fmla="*/ 3677 h 11008"/>
              <a:gd name="T66" fmla="*/ 1285 w 6472"/>
              <a:gd name="T67" fmla="*/ 3677 h 11008"/>
              <a:gd name="T68" fmla="*/ 1285 w 6472"/>
              <a:gd name="T69" fmla="*/ 3677 h 11008"/>
              <a:gd name="T70" fmla="*/ 918 w 6472"/>
              <a:gd name="T71" fmla="*/ 4044 h 11008"/>
              <a:gd name="T72" fmla="*/ 918 w 6472"/>
              <a:gd name="T73" fmla="*/ 4044 h 11008"/>
              <a:gd name="T74" fmla="*/ 1285 w 6472"/>
              <a:gd name="T75" fmla="*/ 4411 h 11008"/>
              <a:gd name="T76" fmla="*/ 5187 w 6472"/>
              <a:gd name="T77" fmla="*/ 4411 h 11008"/>
              <a:gd name="T78" fmla="*/ 5187 w 6472"/>
              <a:gd name="T79" fmla="*/ 4411 h 11008"/>
              <a:gd name="T80" fmla="*/ 6471 w 6472"/>
              <a:gd name="T81" fmla="*/ 5694 h 11008"/>
              <a:gd name="T82" fmla="*/ 6471 w 6472"/>
              <a:gd name="T83" fmla="*/ 5694 h 11008"/>
              <a:gd name="T84" fmla="*/ 5187 w 6472"/>
              <a:gd name="T85" fmla="*/ 6977 h 11008"/>
              <a:gd name="T86" fmla="*/ 1285 w 6472"/>
              <a:gd name="T87" fmla="*/ 6977 h 11008"/>
              <a:gd name="T88" fmla="*/ 1285 w 6472"/>
              <a:gd name="T89" fmla="*/ 6977 h 11008"/>
              <a:gd name="T90" fmla="*/ 918 w 6472"/>
              <a:gd name="T91" fmla="*/ 7344 h 11008"/>
              <a:gd name="T92" fmla="*/ 918 w 6472"/>
              <a:gd name="T93" fmla="*/ 7344 h 11008"/>
              <a:gd name="T94" fmla="*/ 1285 w 6472"/>
              <a:gd name="T95" fmla="*/ 7711 h 11008"/>
              <a:gd name="T96" fmla="*/ 5187 w 6472"/>
              <a:gd name="T97" fmla="*/ 7711 h 11008"/>
              <a:gd name="T98" fmla="*/ 5187 w 6472"/>
              <a:gd name="T99" fmla="*/ 7711 h 11008"/>
              <a:gd name="T100" fmla="*/ 6471 w 6472"/>
              <a:gd name="T101" fmla="*/ 8996 h 11008"/>
              <a:gd name="T102" fmla="*/ 6471 w 6472"/>
              <a:gd name="T103" fmla="*/ 8996 h 11008"/>
              <a:gd name="T104" fmla="*/ 5187 w 6472"/>
              <a:gd name="T105" fmla="*/ 10280 h 11008"/>
              <a:gd name="T106" fmla="*/ 4056 w 6472"/>
              <a:gd name="T107" fmla="*/ 10280 h 11008"/>
              <a:gd name="T108" fmla="*/ 4056 w 6472"/>
              <a:gd name="T109" fmla="*/ 10280 h 11008"/>
              <a:gd name="T110" fmla="*/ 3689 w 6472"/>
              <a:gd name="T111" fmla="*/ 10647 h 11008"/>
              <a:gd name="T112" fmla="*/ 3689 w 6472"/>
              <a:gd name="T113" fmla="*/ 11007 h 110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472" h="11008">
                <a:moveTo>
                  <a:pt x="3689" y="11007"/>
                </a:moveTo>
                <a:lnTo>
                  <a:pt x="2772" y="11007"/>
                </a:lnTo>
                <a:lnTo>
                  <a:pt x="2772" y="10647"/>
                </a:lnTo>
                <a:lnTo>
                  <a:pt x="2772" y="10647"/>
                </a:lnTo>
                <a:cubicBezTo>
                  <a:pt x="2772" y="9939"/>
                  <a:pt x="3347" y="9363"/>
                  <a:pt x="4056" y="9363"/>
                </a:cubicBezTo>
                <a:lnTo>
                  <a:pt x="5187" y="9363"/>
                </a:lnTo>
                <a:lnTo>
                  <a:pt x="5187" y="9363"/>
                </a:lnTo>
                <a:cubicBezTo>
                  <a:pt x="5390" y="9363"/>
                  <a:pt x="5554" y="9198"/>
                  <a:pt x="5554" y="8996"/>
                </a:cubicBezTo>
                <a:lnTo>
                  <a:pt x="5554" y="8996"/>
                </a:lnTo>
                <a:cubicBezTo>
                  <a:pt x="5554" y="8793"/>
                  <a:pt x="5390" y="8629"/>
                  <a:pt x="5187" y="8629"/>
                </a:cubicBezTo>
                <a:lnTo>
                  <a:pt x="1285" y="8629"/>
                </a:lnTo>
                <a:lnTo>
                  <a:pt x="1285" y="8629"/>
                </a:lnTo>
                <a:cubicBezTo>
                  <a:pt x="576" y="8629"/>
                  <a:pt x="0" y="8053"/>
                  <a:pt x="0" y="7344"/>
                </a:cubicBezTo>
                <a:lnTo>
                  <a:pt x="0" y="7344"/>
                </a:lnTo>
                <a:cubicBezTo>
                  <a:pt x="0" y="6637"/>
                  <a:pt x="576" y="6060"/>
                  <a:pt x="1285" y="6060"/>
                </a:cubicBezTo>
                <a:lnTo>
                  <a:pt x="5187" y="6060"/>
                </a:lnTo>
                <a:lnTo>
                  <a:pt x="5187" y="6060"/>
                </a:lnTo>
                <a:cubicBezTo>
                  <a:pt x="5390" y="6060"/>
                  <a:pt x="5554" y="5896"/>
                  <a:pt x="5554" y="5694"/>
                </a:cubicBezTo>
                <a:lnTo>
                  <a:pt x="5554" y="5694"/>
                </a:lnTo>
                <a:cubicBezTo>
                  <a:pt x="5554" y="5492"/>
                  <a:pt x="5390" y="5328"/>
                  <a:pt x="5187" y="5328"/>
                </a:cubicBezTo>
                <a:lnTo>
                  <a:pt x="1285" y="5328"/>
                </a:lnTo>
                <a:lnTo>
                  <a:pt x="1285" y="5328"/>
                </a:lnTo>
                <a:cubicBezTo>
                  <a:pt x="576" y="5328"/>
                  <a:pt x="0" y="4752"/>
                  <a:pt x="0" y="4044"/>
                </a:cubicBezTo>
                <a:lnTo>
                  <a:pt x="0" y="4044"/>
                </a:lnTo>
                <a:cubicBezTo>
                  <a:pt x="0" y="3335"/>
                  <a:pt x="576" y="2759"/>
                  <a:pt x="1285" y="2759"/>
                </a:cubicBezTo>
                <a:lnTo>
                  <a:pt x="2410" y="2759"/>
                </a:lnTo>
                <a:lnTo>
                  <a:pt x="2410" y="2759"/>
                </a:lnTo>
                <a:cubicBezTo>
                  <a:pt x="2613" y="2759"/>
                  <a:pt x="2777" y="2595"/>
                  <a:pt x="2777" y="2392"/>
                </a:cubicBezTo>
                <a:lnTo>
                  <a:pt x="2777" y="0"/>
                </a:lnTo>
                <a:lnTo>
                  <a:pt x="3694" y="0"/>
                </a:lnTo>
                <a:lnTo>
                  <a:pt x="3694" y="2392"/>
                </a:lnTo>
                <a:lnTo>
                  <a:pt x="3694" y="2392"/>
                </a:lnTo>
                <a:cubicBezTo>
                  <a:pt x="3694" y="3101"/>
                  <a:pt x="3118" y="3677"/>
                  <a:pt x="2410" y="3677"/>
                </a:cubicBezTo>
                <a:lnTo>
                  <a:pt x="1285" y="3677"/>
                </a:lnTo>
                <a:lnTo>
                  <a:pt x="1285" y="3677"/>
                </a:lnTo>
                <a:cubicBezTo>
                  <a:pt x="1082" y="3677"/>
                  <a:pt x="918" y="3841"/>
                  <a:pt x="918" y="4044"/>
                </a:cubicBezTo>
                <a:lnTo>
                  <a:pt x="918" y="4044"/>
                </a:lnTo>
                <a:cubicBezTo>
                  <a:pt x="918" y="4246"/>
                  <a:pt x="1082" y="4411"/>
                  <a:pt x="1285" y="4411"/>
                </a:cubicBezTo>
                <a:lnTo>
                  <a:pt x="5187" y="4411"/>
                </a:lnTo>
                <a:lnTo>
                  <a:pt x="5187" y="4411"/>
                </a:lnTo>
                <a:cubicBezTo>
                  <a:pt x="5895" y="4411"/>
                  <a:pt x="6471" y="4987"/>
                  <a:pt x="6471" y="5694"/>
                </a:cubicBezTo>
                <a:lnTo>
                  <a:pt x="6471" y="5694"/>
                </a:lnTo>
                <a:cubicBezTo>
                  <a:pt x="6471" y="6402"/>
                  <a:pt x="5895" y="6977"/>
                  <a:pt x="5187" y="6977"/>
                </a:cubicBezTo>
                <a:lnTo>
                  <a:pt x="1285" y="6977"/>
                </a:lnTo>
                <a:lnTo>
                  <a:pt x="1285" y="6977"/>
                </a:lnTo>
                <a:cubicBezTo>
                  <a:pt x="1082" y="6977"/>
                  <a:pt x="918" y="7143"/>
                  <a:pt x="918" y="7344"/>
                </a:cubicBezTo>
                <a:lnTo>
                  <a:pt x="918" y="7344"/>
                </a:lnTo>
                <a:cubicBezTo>
                  <a:pt x="918" y="7547"/>
                  <a:pt x="1082" y="7711"/>
                  <a:pt x="1285" y="7711"/>
                </a:cubicBezTo>
                <a:lnTo>
                  <a:pt x="5187" y="7711"/>
                </a:lnTo>
                <a:lnTo>
                  <a:pt x="5187" y="7711"/>
                </a:lnTo>
                <a:cubicBezTo>
                  <a:pt x="5895" y="7711"/>
                  <a:pt x="6471" y="8287"/>
                  <a:pt x="6471" y="8996"/>
                </a:cubicBezTo>
                <a:lnTo>
                  <a:pt x="6471" y="8996"/>
                </a:lnTo>
                <a:cubicBezTo>
                  <a:pt x="6471" y="9704"/>
                  <a:pt x="5895" y="10280"/>
                  <a:pt x="5187" y="10280"/>
                </a:cubicBezTo>
                <a:lnTo>
                  <a:pt x="4056" y="10280"/>
                </a:lnTo>
                <a:lnTo>
                  <a:pt x="4056" y="10280"/>
                </a:lnTo>
                <a:cubicBezTo>
                  <a:pt x="3853" y="10280"/>
                  <a:pt x="3689" y="10444"/>
                  <a:pt x="3689" y="10647"/>
                </a:cubicBezTo>
                <a:lnTo>
                  <a:pt x="3689" y="11007"/>
                </a:lnTo>
              </a:path>
            </a:pathLst>
          </a:custGeom>
          <a:solidFill>
            <a:schemeClr val="accent6">
              <a:alpha val="40000"/>
            </a:schemeClr>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43" name="Freeform 29">
            <a:extLst>
              <a:ext uri="{FF2B5EF4-FFF2-40B4-BE49-F238E27FC236}">
                <a16:creationId xmlns:a16="http://schemas.microsoft.com/office/drawing/2014/main" id="{0E579F45-F888-A1AC-6D28-53511669F106}"/>
              </a:ext>
            </a:extLst>
          </p:cNvPr>
          <p:cNvSpPr>
            <a:spLocks noChangeArrowheads="1"/>
          </p:cNvSpPr>
          <p:nvPr/>
        </p:nvSpPr>
        <p:spPr bwMode="auto">
          <a:xfrm>
            <a:off x="7823205" y="0"/>
            <a:ext cx="1922798" cy="6751320"/>
          </a:xfrm>
          <a:custGeom>
            <a:avLst/>
            <a:gdLst>
              <a:gd name="connsiteX0" fmla="*/ 1902033 w 3845787"/>
              <a:gd name="connsiteY0" fmla="*/ 7323434 h 7534754"/>
              <a:gd name="connsiteX1" fmla="*/ 1937679 w 3845787"/>
              <a:gd name="connsiteY1" fmla="*/ 7323434 h 7534754"/>
              <a:gd name="connsiteX2" fmla="*/ 1937679 w 3845787"/>
              <a:gd name="connsiteY2" fmla="*/ 7534754 h 7534754"/>
              <a:gd name="connsiteX3" fmla="*/ 1902033 w 3845787"/>
              <a:gd name="connsiteY3" fmla="*/ 7534754 h 7534754"/>
              <a:gd name="connsiteX4" fmla="*/ 2031274 w 3845787"/>
              <a:gd name="connsiteY4" fmla="*/ 6923643 h 7534754"/>
              <a:gd name="connsiteX5" fmla="*/ 2058837 w 3845787"/>
              <a:gd name="connsiteY5" fmla="*/ 6945474 h 7534754"/>
              <a:gd name="connsiteX6" fmla="*/ 1963057 w 3845787"/>
              <a:gd name="connsiteY6" fmla="*/ 7122856 h 7534754"/>
              <a:gd name="connsiteX7" fmla="*/ 1929292 w 3845787"/>
              <a:gd name="connsiteY7" fmla="*/ 7112622 h 7534754"/>
              <a:gd name="connsiteX8" fmla="*/ 2031274 w 3845787"/>
              <a:gd name="connsiteY8" fmla="*/ 6923643 h 7534754"/>
              <a:gd name="connsiteX9" fmla="*/ 2395606 w 3845787"/>
              <a:gd name="connsiteY9" fmla="*/ 6711633 h 7534754"/>
              <a:gd name="connsiteX10" fmla="*/ 2401087 w 3845787"/>
              <a:gd name="connsiteY10" fmla="*/ 6746880 h 7534754"/>
              <a:gd name="connsiteX11" fmla="*/ 2210605 w 3845787"/>
              <a:gd name="connsiteY11" fmla="*/ 6813918 h 7534754"/>
              <a:gd name="connsiteX12" fmla="*/ 2192790 w 3845787"/>
              <a:gd name="connsiteY12" fmla="*/ 6784200 h 7534754"/>
              <a:gd name="connsiteX13" fmla="*/ 2395606 w 3845787"/>
              <a:gd name="connsiteY13" fmla="*/ 6711633 h 7534754"/>
              <a:gd name="connsiteX14" fmla="*/ 3028715 w 3845787"/>
              <a:gd name="connsiteY14" fmla="*/ 6702544 h 7534754"/>
              <a:gd name="connsiteX15" fmla="*/ 3237014 w 3845787"/>
              <a:gd name="connsiteY15" fmla="*/ 6702544 h 7534754"/>
              <a:gd name="connsiteX16" fmla="*/ 3237014 w 3845787"/>
              <a:gd name="connsiteY16" fmla="*/ 6738190 h 7534754"/>
              <a:gd name="connsiteX17" fmla="*/ 3028715 w 3845787"/>
              <a:gd name="connsiteY17" fmla="*/ 6738190 h 7534754"/>
              <a:gd name="connsiteX18" fmla="*/ 2607726 w 3845787"/>
              <a:gd name="connsiteY18" fmla="*/ 6702544 h 7534754"/>
              <a:gd name="connsiteX19" fmla="*/ 2819046 w 3845787"/>
              <a:gd name="connsiteY19" fmla="*/ 6702544 h 7534754"/>
              <a:gd name="connsiteX20" fmla="*/ 2819046 w 3845787"/>
              <a:gd name="connsiteY20" fmla="*/ 6738190 h 7534754"/>
              <a:gd name="connsiteX21" fmla="*/ 2607726 w 3845787"/>
              <a:gd name="connsiteY21" fmla="*/ 6738190 h 7534754"/>
              <a:gd name="connsiteX22" fmla="*/ 3617162 w 3845787"/>
              <a:gd name="connsiteY22" fmla="*/ 6575338 h 7534754"/>
              <a:gd name="connsiteX23" fmla="*/ 3639830 w 3845787"/>
              <a:gd name="connsiteY23" fmla="*/ 6602267 h 7534754"/>
              <a:gd name="connsiteX24" fmla="*/ 3451613 w 3845787"/>
              <a:gd name="connsiteY24" fmla="*/ 6707910 h 7534754"/>
              <a:gd name="connsiteX25" fmla="*/ 3440622 w 3845787"/>
              <a:gd name="connsiteY25" fmla="*/ 6674767 h 7534754"/>
              <a:gd name="connsiteX26" fmla="*/ 3617162 w 3845787"/>
              <a:gd name="connsiteY26" fmla="*/ 6575338 h 7534754"/>
              <a:gd name="connsiteX27" fmla="*/ 3810378 w 3845787"/>
              <a:gd name="connsiteY27" fmla="*/ 6227039 h 7534754"/>
              <a:gd name="connsiteX28" fmla="*/ 3845776 w 3845787"/>
              <a:gd name="connsiteY28" fmla="*/ 6231835 h 7534754"/>
              <a:gd name="connsiteX29" fmla="*/ 3777062 w 3845787"/>
              <a:gd name="connsiteY29" fmla="*/ 6435334 h 7534754"/>
              <a:gd name="connsiteX30" fmla="*/ 3746523 w 3845787"/>
              <a:gd name="connsiteY30" fmla="*/ 6418889 h 7534754"/>
              <a:gd name="connsiteX31" fmla="*/ 3810378 w 3845787"/>
              <a:gd name="connsiteY31" fmla="*/ 6227039 h 7534754"/>
              <a:gd name="connsiteX32" fmla="*/ 3745764 w 3845787"/>
              <a:gd name="connsiteY32" fmla="*/ 5821189 h 7534754"/>
              <a:gd name="connsiteX33" fmla="*/ 3833666 w 3845787"/>
              <a:gd name="connsiteY33" fmla="*/ 6018187 h 7534754"/>
              <a:gd name="connsiteX34" fmla="*/ 3799329 w 3845787"/>
              <a:gd name="connsiteY34" fmla="*/ 6026453 h 7534754"/>
              <a:gd name="connsiteX35" fmla="*/ 3716234 w 3845787"/>
              <a:gd name="connsiteY35" fmla="*/ 5841164 h 7534754"/>
              <a:gd name="connsiteX36" fmla="*/ 3393655 w 3845787"/>
              <a:gd name="connsiteY36" fmla="*/ 5584951 h 7534754"/>
              <a:gd name="connsiteX37" fmla="*/ 3591369 w 3845787"/>
              <a:gd name="connsiteY37" fmla="*/ 5670584 h 7534754"/>
              <a:gd name="connsiteX38" fmla="*/ 3571461 w 3845787"/>
              <a:gd name="connsiteY38" fmla="*/ 5699357 h 7534754"/>
              <a:gd name="connsiteX39" fmla="*/ 3386103 w 3845787"/>
              <a:gd name="connsiteY39" fmla="*/ 5618519 h 7534754"/>
              <a:gd name="connsiteX40" fmla="*/ 2971172 w 3845787"/>
              <a:gd name="connsiteY40" fmla="*/ 5569805 h 7534754"/>
              <a:gd name="connsiteX41" fmla="*/ 3182492 w 3845787"/>
              <a:gd name="connsiteY41" fmla="*/ 5569805 h 7534754"/>
              <a:gd name="connsiteX42" fmla="*/ 3182492 w 3845787"/>
              <a:gd name="connsiteY42" fmla="*/ 5605451 h 7534754"/>
              <a:gd name="connsiteX43" fmla="*/ 2971172 w 3845787"/>
              <a:gd name="connsiteY43" fmla="*/ 5605451 h 7534754"/>
              <a:gd name="connsiteX44" fmla="*/ 2550180 w 3845787"/>
              <a:gd name="connsiteY44" fmla="*/ 5569805 h 7534754"/>
              <a:gd name="connsiteX45" fmla="*/ 2761500 w 3845787"/>
              <a:gd name="connsiteY45" fmla="*/ 5569805 h 7534754"/>
              <a:gd name="connsiteX46" fmla="*/ 2761500 w 3845787"/>
              <a:gd name="connsiteY46" fmla="*/ 5605451 h 7534754"/>
              <a:gd name="connsiteX47" fmla="*/ 2550180 w 3845787"/>
              <a:gd name="connsiteY47" fmla="*/ 5605451 h 7534754"/>
              <a:gd name="connsiteX48" fmla="*/ 2132217 w 3845787"/>
              <a:gd name="connsiteY48" fmla="*/ 5569805 h 7534754"/>
              <a:gd name="connsiteX49" fmla="*/ 2343537 w 3845787"/>
              <a:gd name="connsiteY49" fmla="*/ 5569805 h 7534754"/>
              <a:gd name="connsiteX50" fmla="*/ 2343537 w 3845787"/>
              <a:gd name="connsiteY50" fmla="*/ 5605451 h 7534754"/>
              <a:gd name="connsiteX51" fmla="*/ 2132217 w 3845787"/>
              <a:gd name="connsiteY51" fmla="*/ 5605451 h 7534754"/>
              <a:gd name="connsiteX52" fmla="*/ 1711227 w 3845787"/>
              <a:gd name="connsiteY52" fmla="*/ 5569805 h 7534754"/>
              <a:gd name="connsiteX53" fmla="*/ 1922547 w 3845787"/>
              <a:gd name="connsiteY53" fmla="*/ 5569805 h 7534754"/>
              <a:gd name="connsiteX54" fmla="*/ 1922547 w 3845787"/>
              <a:gd name="connsiteY54" fmla="*/ 5605451 h 7534754"/>
              <a:gd name="connsiteX55" fmla="*/ 1711227 w 3845787"/>
              <a:gd name="connsiteY55" fmla="*/ 5605451 h 7534754"/>
              <a:gd name="connsiteX56" fmla="*/ 1293264 w 3845787"/>
              <a:gd name="connsiteY56" fmla="*/ 5569805 h 7534754"/>
              <a:gd name="connsiteX57" fmla="*/ 1501561 w 3845787"/>
              <a:gd name="connsiteY57" fmla="*/ 5569805 h 7534754"/>
              <a:gd name="connsiteX58" fmla="*/ 1501561 w 3845787"/>
              <a:gd name="connsiteY58" fmla="*/ 5605451 h 7534754"/>
              <a:gd name="connsiteX59" fmla="*/ 1293264 w 3845787"/>
              <a:gd name="connsiteY59" fmla="*/ 5605451 h 7534754"/>
              <a:gd name="connsiteX60" fmla="*/ 872272 w 3845787"/>
              <a:gd name="connsiteY60" fmla="*/ 5569805 h 7534754"/>
              <a:gd name="connsiteX61" fmla="*/ 1083591 w 3845787"/>
              <a:gd name="connsiteY61" fmla="*/ 5569805 h 7534754"/>
              <a:gd name="connsiteX62" fmla="*/ 1083591 w 3845787"/>
              <a:gd name="connsiteY62" fmla="*/ 5605451 h 7534754"/>
              <a:gd name="connsiteX63" fmla="*/ 872272 w 3845787"/>
              <a:gd name="connsiteY63" fmla="*/ 5605451 h 7534754"/>
              <a:gd name="connsiteX64" fmla="*/ 456548 w 3845787"/>
              <a:gd name="connsiteY64" fmla="*/ 5554664 h 7534754"/>
              <a:gd name="connsiteX65" fmla="*/ 584466 w 3845787"/>
              <a:gd name="connsiteY65" fmla="*/ 5569475 h 7534754"/>
              <a:gd name="connsiteX66" fmla="*/ 662599 w 3845787"/>
              <a:gd name="connsiteY66" fmla="*/ 5569475 h 7534754"/>
              <a:gd name="connsiteX67" fmla="*/ 662599 w 3845787"/>
              <a:gd name="connsiteY67" fmla="*/ 5605445 h 7534754"/>
              <a:gd name="connsiteX68" fmla="*/ 584466 w 3845787"/>
              <a:gd name="connsiteY68" fmla="*/ 5605445 h 7534754"/>
              <a:gd name="connsiteX69" fmla="*/ 448251 w 3845787"/>
              <a:gd name="connsiteY69" fmla="*/ 5589224 h 7534754"/>
              <a:gd name="connsiteX70" fmla="*/ 129407 w 3845787"/>
              <a:gd name="connsiteY70" fmla="*/ 5327507 h 7534754"/>
              <a:gd name="connsiteX71" fmla="*/ 271901 w 3845787"/>
              <a:gd name="connsiteY71" fmla="*/ 5470687 h 7534754"/>
              <a:gd name="connsiteX72" fmla="*/ 252034 w 3845787"/>
              <a:gd name="connsiteY72" fmla="*/ 5499460 h 7534754"/>
              <a:gd name="connsiteX73" fmla="*/ 99950 w 3845787"/>
              <a:gd name="connsiteY73" fmla="*/ 5347374 h 7534754"/>
              <a:gd name="connsiteX74" fmla="*/ 6348 w 3845787"/>
              <a:gd name="connsiteY74" fmla="*/ 4936804 h 7534754"/>
              <a:gd name="connsiteX75" fmla="*/ 41614 w 3845787"/>
              <a:gd name="connsiteY75" fmla="*/ 4941598 h 7534754"/>
              <a:gd name="connsiteX76" fmla="*/ 35972 w 3845787"/>
              <a:gd name="connsiteY76" fmla="*/ 5018984 h 7534754"/>
              <a:gd name="connsiteX77" fmla="*/ 50783 w 3845787"/>
              <a:gd name="connsiteY77" fmla="*/ 5142939 h 7534754"/>
              <a:gd name="connsiteX78" fmla="*/ 15517 w 3845787"/>
              <a:gd name="connsiteY78" fmla="*/ 5151157 h 7534754"/>
              <a:gd name="connsiteX79" fmla="*/ 0 w 3845787"/>
              <a:gd name="connsiteY79" fmla="*/ 5018984 h 7534754"/>
              <a:gd name="connsiteX80" fmla="*/ 6348 w 3845787"/>
              <a:gd name="connsiteY80" fmla="*/ 4936804 h 7534754"/>
              <a:gd name="connsiteX81" fmla="*/ 213603 w 3845787"/>
              <a:gd name="connsiteY81" fmla="*/ 4567303 h 7534754"/>
              <a:gd name="connsiteX82" fmla="*/ 235555 w 3845787"/>
              <a:gd name="connsiteY82" fmla="*/ 4594289 h 7534754"/>
              <a:gd name="connsiteX83" fmla="*/ 105903 w 3845787"/>
              <a:gd name="connsiteY83" fmla="*/ 4751362 h 7534754"/>
              <a:gd name="connsiteX84" fmla="*/ 75720 w 3845787"/>
              <a:gd name="connsiteY84" fmla="*/ 4733371 h 7534754"/>
              <a:gd name="connsiteX85" fmla="*/ 213603 w 3845787"/>
              <a:gd name="connsiteY85" fmla="*/ 4567303 h 7534754"/>
              <a:gd name="connsiteX86" fmla="*/ 584408 w 3845787"/>
              <a:gd name="connsiteY86" fmla="*/ 4434039 h 7534754"/>
              <a:gd name="connsiteX87" fmla="*/ 614140 w 3845787"/>
              <a:gd name="connsiteY87" fmla="*/ 4434039 h 7534754"/>
              <a:gd name="connsiteX88" fmla="*/ 614140 w 3845787"/>
              <a:gd name="connsiteY88" fmla="*/ 4469684 h 7534754"/>
              <a:gd name="connsiteX89" fmla="*/ 584408 w 3845787"/>
              <a:gd name="connsiteY89" fmla="*/ 4469684 h 7534754"/>
              <a:gd name="connsiteX90" fmla="*/ 410855 w 3845787"/>
              <a:gd name="connsiteY90" fmla="*/ 4496942 h 7534754"/>
              <a:gd name="connsiteX91" fmla="*/ 399792 w 3845787"/>
              <a:gd name="connsiteY91" fmla="*/ 4463394 h 7534754"/>
              <a:gd name="connsiteX92" fmla="*/ 584408 w 3845787"/>
              <a:gd name="connsiteY92" fmla="*/ 4434039 h 7534754"/>
              <a:gd name="connsiteX93" fmla="*/ 2922713 w 3845787"/>
              <a:gd name="connsiteY93" fmla="*/ 4434037 h 7534754"/>
              <a:gd name="connsiteX94" fmla="*/ 3134033 w 3845787"/>
              <a:gd name="connsiteY94" fmla="*/ 4434037 h 7534754"/>
              <a:gd name="connsiteX95" fmla="*/ 3134033 w 3845787"/>
              <a:gd name="connsiteY95" fmla="*/ 4469683 h 7534754"/>
              <a:gd name="connsiteX96" fmla="*/ 2922713 w 3845787"/>
              <a:gd name="connsiteY96" fmla="*/ 4469683 h 7534754"/>
              <a:gd name="connsiteX97" fmla="*/ 2501720 w 3845787"/>
              <a:gd name="connsiteY97" fmla="*/ 4434037 h 7534754"/>
              <a:gd name="connsiteX98" fmla="*/ 2713040 w 3845787"/>
              <a:gd name="connsiteY98" fmla="*/ 4434037 h 7534754"/>
              <a:gd name="connsiteX99" fmla="*/ 2713040 w 3845787"/>
              <a:gd name="connsiteY99" fmla="*/ 4469683 h 7534754"/>
              <a:gd name="connsiteX100" fmla="*/ 2501720 w 3845787"/>
              <a:gd name="connsiteY100" fmla="*/ 4469683 h 7534754"/>
              <a:gd name="connsiteX101" fmla="*/ 2083758 w 3845787"/>
              <a:gd name="connsiteY101" fmla="*/ 4434037 h 7534754"/>
              <a:gd name="connsiteX102" fmla="*/ 2295078 w 3845787"/>
              <a:gd name="connsiteY102" fmla="*/ 4434037 h 7534754"/>
              <a:gd name="connsiteX103" fmla="*/ 2295078 w 3845787"/>
              <a:gd name="connsiteY103" fmla="*/ 4469683 h 7534754"/>
              <a:gd name="connsiteX104" fmla="*/ 2083758 w 3845787"/>
              <a:gd name="connsiteY104" fmla="*/ 4469683 h 7534754"/>
              <a:gd name="connsiteX105" fmla="*/ 1662767 w 3845787"/>
              <a:gd name="connsiteY105" fmla="*/ 4434037 h 7534754"/>
              <a:gd name="connsiteX106" fmla="*/ 1874086 w 3845787"/>
              <a:gd name="connsiteY106" fmla="*/ 4434037 h 7534754"/>
              <a:gd name="connsiteX107" fmla="*/ 1874086 w 3845787"/>
              <a:gd name="connsiteY107" fmla="*/ 4469683 h 7534754"/>
              <a:gd name="connsiteX108" fmla="*/ 1662767 w 3845787"/>
              <a:gd name="connsiteY108" fmla="*/ 4469683 h 7534754"/>
              <a:gd name="connsiteX109" fmla="*/ 1244805 w 3845787"/>
              <a:gd name="connsiteY109" fmla="*/ 4434037 h 7534754"/>
              <a:gd name="connsiteX110" fmla="*/ 1456124 w 3845787"/>
              <a:gd name="connsiteY110" fmla="*/ 4434037 h 7534754"/>
              <a:gd name="connsiteX111" fmla="*/ 1456124 w 3845787"/>
              <a:gd name="connsiteY111" fmla="*/ 4469683 h 7534754"/>
              <a:gd name="connsiteX112" fmla="*/ 1244805 w 3845787"/>
              <a:gd name="connsiteY112" fmla="*/ 4469683 h 7534754"/>
              <a:gd name="connsiteX113" fmla="*/ 823810 w 3845787"/>
              <a:gd name="connsiteY113" fmla="*/ 4434037 h 7534754"/>
              <a:gd name="connsiteX114" fmla="*/ 1032109 w 3845787"/>
              <a:gd name="connsiteY114" fmla="*/ 4434037 h 7534754"/>
              <a:gd name="connsiteX115" fmla="*/ 1032109 w 3845787"/>
              <a:gd name="connsiteY115" fmla="*/ 4469683 h 7534754"/>
              <a:gd name="connsiteX116" fmla="*/ 823810 w 3845787"/>
              <a:gd name="connsiteY116" fmla="*/ 4469683 h 7534754"/>
              <a:gd name="connsiteX117" fmla="*/ 3531841 w 3845787"/>
              <a:gd name="connsiteY117" fmla="*/ 4364376 h 7534754"/>
              <a:gd name="connsiteX118" fmla="*/ 3548970 w 3845787"/>
              <a:gd name="connsiteY118" fmla="*/ 4395394 h 7534754"/>
              <a:gd name="connsiteX119" fmla="*/ 3345472 w 3845787"/>
              <a:gd name="connsiteY119" fmla="*/ 4463635 h 7534754"/>
              <a:gd name="connsiteX120" fmla="*/ 3340675 w 3845787"/>
              <a:gd name="connsiteY120" fmla="*/ 4429170 h 7534754"/>
              <a:gd name="connsiteX121" fmla="*/ 3531841 w 3845787"/>
              <a:gd name="connsiteY121" fmla="*/ 4364376 h 7534754"/>
              <a:gd name="connsiteX122" fmla="*/ 3785376 w 3845787"/>
              <a:gd name="connsiteY122" fmla="*/ 4058479 h 7534754"/>
              <a:gd name="connsiteX123" fmla="*/ 3818520 w 3845787"/>
              <a:gd name="connsiteY123" fmla="*/ 4069470 h 7534754"/>
              <a:gd name="connsiteX124" fmla="*/ 3713566 w 3845787"/>
              <a:gd name="connsiteY124" fmla="*/ 4257687 h 7534754"/>
              <a:gd name="connsiteX125" fmla="*/ 3685947 w 3845787"/>
              <a:gd name="connsiteY125" fmla="*/ 4235705 h 7534754"/>
              <a:gd name="connsiteX126" fmla="*/ 3785376 w 3845787"/>
              <a:gd name="connsiteY126" fmla="*/ 4058479 h 7534754"/>
              <a:gd name="connsiteX127" fmla="*/ 3796041 w 3845787"/>
              <a:gd name="connsiteY127" fmla="*/ 3649601 h 7534754"/>
              <a:gd name="connsiteX128" fmla="*/ 3845787 w 3845787"/>
              <a:gd name="connsiteY128" fmla="*/ 3859539 h 7534754"/>
              <a:gd name="connsiteX129" fmla="*/ 3811033 w 3845787"/>
              <a:gd name="connsiteY129" fmla="*/ 3860920 h 7534754"/>
              <a:gd name="connsiteX130" fmla="*/ 3764694 w 3845787"/>
              <a:gd name="connsiteY130" fmla="*/ 3664103 h 7534754"/>
              <a:gd name="connsiteX131" fmla="*/ 3496654 w 3845787"/>
              <a:gd name="connsiteY131" fmla="*/ 3349757 h 7534754"/>
              <a:gd name="connsiteX132" fmla="*/ 3673153 w 3845787"/>
              <a:gd name="connsiteY132" fmla="*/ 3469199 h 7534754"/>
              <a:gd name="connsiteX133" fmla="*/ 3648620 w 3845787"/>
              <a:gd name="connsiteY133" fmla="*/ 3494453 h 7534754"/>
              <a:gd name="connsiteX134" fmla="*/ 3483024 w 3845787"/>
              <a:gd name="connsiteY134" fmla="*/ 3381153 h 7534754"/>
              <a:gd name="connsiteX135" fmla="*/ 3077176 w 3845787"/>
              <a:gd name="connsiteY135" fmla="*/ 3301298 h 7534754"/>
              <a:gd name="connsiteX136" fmla="*/ 3264406 w 3845787"/>
              <a:gd name="connsiteY136" fmla="*/ 3301298 h 7534754"/>
              <a:gd name="connsiteX137" fmla="*/ 3288498 w 3845787"/>
              <a:gd name="connsiteY137" fmla="*/ 3301298 h 7534754"/>
              <a:gd name="connsiteX138" fmla="*/ 3287121 w 3845787"/>
              <a:gd name="connsiteY138" fmla="*/ 3336944 h 7534754"/>
              <a:gd name="connsiteX139" fmla="*/ 3264406 w 3845787"/>
              <a:gd name="connsiteY139" fmla="*/ 3336245 h 7534754"/>
              <a:gd name="connsiteX140" fmla="*/ 3077176 w 3845787"/>
              <a:gd name="connsiteY140" fmla="*/ 3336245 h 7534754"/>
              <a:gd name="connsiteX141" fmla="*/ 2656186 w 3845787"/>
              <a:gd name="connsiteY141" fmla="*/ 3301298 h 7534754"/>
              <a:gd name="connsiteX142" fmla="*/ 2867506 w 3845787"/>
              <a:gd name="connsiteY142" fmla="*/ 3301298 h 7534754"/>
              <a:gd name="connsiteX143" fmla="*/ 2867506 w 3845787"/>
              <a:gd name="connsiteY143" fmla="*/ 3336930 h 7534754"/>
              <a:gd name="connsiteX144" fmla="*/ 2656186 w 3845787"/>
              <a:gd name="connsiteY144" fmla="*/ 3336930 h 7534754"/>
              <a:gd name="connsiteX145" fmla="*/ 2238223 w 3845787"/>
              <a:gd name="connsiteY145" fmla="*/ 3301298 h 7534754"/>
              <a:gd name="connsiteX146" fmla="*/ 2449543 w 3845787"/>
              <a:gd name="connsiteY146" fmla="*/ 3301298 h 7534754"/>
              <a:gd name="connsiteX147" fmla="*/ 2449543 w 3845787"/>
              <a:gd name="connsiteY147" fmla="*/ 3336930 h 7534754"/>
              <a:gd name="connsiteX148" fmla="*/ 2238223 w 3845787"/>
              <a:gd name="connsiteY148" fmla="*/ 3336930 h 7534754"/>
              <a:gd name="connsiteX149" fmla="*/ 1817229 w 3845787"/>
              <a:gd name="connsiteY149" fmla="*/ 3301298 h 7534754"/>
              <a:gd name="connsiteX150" fmla="*/ 2025528 w 3845787"/>
              <a:gd name="connsiteY150" fmla="*/ 3301298 h 7534754"/>
              <a:gd name="connsiteX151" fmla="*/ 2025528 w 3845787"/>
              <a:gd name="connsiteY151" fmla="*/ 3336930 h 7534754"/>
              <a:gd name="connsiteX152" fmla="*/ 1817229 w 3845787"/>
              <a:gd name="connsiteY152" fmla="*/ 3336930 h 7534754"/>
              <a:gd name="connsiteX153" fmla="*/ 1399268 w 3845787"/>
              <a:gd name="connsiteY153" fmla="*/ 3301298 h 7534754"/>
              <a:gd name="connsiteX154" fmla="*/ 1610587 w 3845787"/>
              <a:gd name="connsiteY154" fmla="*/ 3301298 h 7534754"/>
              <a:gd name="connsiteX155" fmla="*/ 1610587 w 3845787"/>
              <a:gd name="connsiteY155" fmla="*/ 3336930 h 7534754"/>
              <a:gd name="connsiteX156" fmla="*/ 1399268 w 3845787"/>
              <a:gd name="connsiteY156" fmla="*/ 3336930 h 7534754"/>
              <a:gd name="connsiteX157" fmla="*/ 978278 w 3845787"/>
              <a:gd name="connsiteY157" fmla="*/ 3301298 h 7534754"/>
              <a:gd name="connsiteX158" fmla="*/ 1189597 w 3845787"/>
              <a:gd name="connsiteY158" fmla="*/ 3301298 h 7534754"/>
              <a:gd name="connsiteX159" fmla="*/ 1189597 w 3845787"/>
              <a:gd name="connsiteY159" fmla="*/ 3336930 h 7534754"/>
              <a:gd name="connsiteX160" fmla="*/ 978278 w 3845787"/>
              <a:gd name="connsiteY160" fmla="*/ 3336930 h 7534754"/>
              <a:gd name="connsiteX161" fmla="*/ 559350 w 3845787"/>
              <a:gd name="connsiteY161" fmla="*/ 3301298 h 7534754"/>
              <a:gd name="connsiteX162" fmla="*/ 584819 w 3845787"/>
              <a:gd name="connsiteY162" fmla="*/ 3301997 h 7534754"/>
              <a:gd name="connsiteX163" fmla="*/ 768606 w 3845787"/>
              <a:gd name="connsiteY163" fmla="*/ 3301997 h 7534754"/>
              <a:gd name="connsiteX164" fmla="*/ 768606 w 3845787"/>
              <a:gd name="connsiteY164" fmla="*/ 3336944 h 7534754"/>
              <a:gd name="connsiteX165" fmla="*/ 584819 w 3845787"/>
              <a:gd name="connsiteY165" fmla="*/ 3336944 h 7534754"/>
              <a:gd name="connsiteX166" fmla="*/ 557285 w 3845787"/>
              <a:gd name="connsiteY166" fmla="*/ 3336944 h 7534754"/>
              <a:gd name="connsiteX167" fmla="*/ 194142 w 3845787"/>
              <a:gd name="connsiteY167" fmla="*/ 3140775 h 7534754"/>
              <a:gd name="connsiteX168" fmla="*/ 359738 w 3845787"/>
              <a:gd name="connsiteY168" fmla="*/ 3256589 h 7534754"/>
              <a:gd name="connsiteX169" fmla="*/ 345428 w 3845787"/>
              <a:gd name="connsiteY169" fmla="*/ 3288489 h 7534754"/>
              <a:gd name="connsiteX170" fmla="*/ 169610 w 3845787"/>
              <a:gd name="connsiteY170" fmla="*/ 3165741 h 7534754"/>
              <a:gd name="connsiteX171" fmla="*/ 35049 w 3845787"/>
              <a:gd name="connsiteY171" fmla="*/ 2777331 h 7534754"/>
              <a:gd name="connsiteX172" fmla="*/ 81091 w 3845787"/>
              <a:gd name="connsiteY172" fmla="*/ 2974886 h 7534754"/>
              <a:gd name="connsiteX173" fmla="*/ 48792 w 3845787"/>
              <a:gd name="connsiteY173" fmla="*/ 2988653 h 7534754"/>
              <a:gd name="connsiteX174" fmla="*/ 2 w 3845787"/>
              <a:gd name="connsiteY174" fmla="*/ 2778708 h 7534754"/>
              <a:gd name="connsiteX175" fmla="*/ 135386 w 3845787"/>
              <a:gd name="connsiteY175" fmla="*/ 2377540 h 7534754"/>
              <a:gd name="connsiteX176" fmla="*/ 162863 w 3845787"/>
              <a:gd name="connsiteY176" fmla="*/ 2400895 h 7534754"/>
              <a:gd name="connsiteX177" fmla="*/ 63259 w 3845787"/>
              <a:gd name="connsiteY177" fmla="*/ 2576748 h 7534754"/>
              <a:gd name="connsiteX178" fmla="*/ 30287 w 3845787"/>
              <a:gd name="connsiteY178" fmla="*/ 2565757 h 7534754"/>
              <a:gd name="connsiteX179" fmla="*/ 135386 w 3845787"/>
              <a:gd name="connsiteY179" fmla="*/ 2377540 h 7534754"/>
              <a:gd name="connsiteX180" fmla="*/ 504028 w 3845787"/>
              <a:gd name="connsiteY180" fmla="*/ 2171586 h 7534754"/>
              <a:gd name="connsiteX181" fmla="*/ 508140 w 3845787"/>
              <a:gd name="connsiteY181" fmla="*/ 2206291 h 7534754"/>
              <a:gd name="connsiteX182" fmla="*/ 316974 w 3845787"/>
              <a:gd name="connsiteY182" fmla="*/ 2270841 h 7534754"/>
              <a:gd name="connsiteX183" fmla="*/ 299845 w 3845787"/>
              <a:gd name="connsiteY183" fmla="*/ 2239607 h 7534754"/>
              <a:gd name="connsiteX184" fmla="*/ 504028 w 3845787"/>
              <a:gd name="connsiteY184" fmla="*/ 2171586 h 7534754"/>
              <a:gd name="connsiteX185" fmla="*/ 1138799 w 3845787"/>
              <a:gd name="connsiteY185" fmla="*/ 2168558 h 7534754"/>
              <a:gd name="connsiteX186" fmla="*/ 1350118 w 3845787"/>
              <a:gd name="connsiteY186" fmla="*/ 2168558 h 7534754"/>
              <a:gd name="connsiteX187" fmla="*/ 1350118 w 3845787"/>
              <a:gd name="connsiteY187" fmla="*/ 2204204 h 7534754"/>
              <a:gd name="connsiteX188" fmla="*/ 1138799 w 3845787"/>
              <a:gd name="connsiteY188" fmla="*/ 2204204 h 7534754"/>
              <a:gd name="connsiteX189" fmla="*/ 717808 w 3845787"/>
              <a:gd name="connsiteY189" fmla="*/ 2168558 h 7534754"/>
              <a:gd name="connsiteX190" fmla="*/ 926105 w 3845787"/>
              <a:gd name="connsiteY190" fmla="*/ 2168558 h 7534754"/>
              <a:gd name="connsiteX191" fmla="*/ 926105 w 3845787"/>
              <a:gd name="connsiteY191" fmla="*/ 2204204 h 7534754"/>
              <a:gd name="connsiteX192" fmla="*/ 717808 w 3845787"/>
              <a:gd name="connsiteY192" fmla="*/ 2204204 h 7534754"/>
              <a:gd name="connsiteX193" fmla="*/ 1721301 w 3845787"/>
              <a:gd name="connsiteY193" fmla="*/ 2029240 h 7534754"/>
              <a:gd name="connsiteX194" fmla="*/ 1743858 w 3845787"/>
              <a:gd name="connsiteY194" fmla="*/ 2055135 h 7534754"/>
              <a:gd name="connsiteX195" fmla="*/ 1559980 w 3845787"/>
              <a:gd name="connsiteY195" fmla="*/ 2164849 h 7534754"/>
              <a:gd name="connsiteX196" fmla="*/ 1547676 w 3845787"/>
              <a:gd name="connsiteY196" fmla="*/ 2132139 h 7534754"/>
              <a:gd name="connsiteX197" fmla="*/ 1721301 w 3845787"/>
              <a:gd name="connsiteY197" fmla="*/ 2029240 h 7534754"/>
              <a:gd name="connsiteX198" fmla="*/ 1902908 w 3845787"/>
              <a:gd name="connsiteY198" fmla="*/ 1677908 h 7534754"/>
              <a:gd name="connsiteX199" fmla="*/ 1937682 w 3845787"/>
              <a:gd name="connsiteY199" fmla="*/ 1681323 h 7534754"/>
              <a:gd name="connsiteX200" fmla="*/ 1875784 w 3845787"/>
              <a:gd name="connsiteY200" fmla="*/ 1886205 h 7534754"/>
              <a:gd name="connsiteX201" fmla="*/ 1844488 w 3845787"/>
              <a:gd name="connsiteY201" fmla="*/ 1869815 h 7534754"/>
              <a:gd name="connsiteX202" fmla="*/ 1902908 w 3845787"/>
              <a:gd name="connsiteY202" fmla="*/ 1677908 h 7534754"/>
              <a:gd name="connsiteX203" fmla="*/ 1908090 w 3845787"/>
              <a:gd name="connsiteY203" fmla="*/ 1259945 h 7534754"/>
              <a:gd name="connsiteX204" fmla="*/ 1943723 w 3845787"/>
              <a:gd name="connsiteY204" fmla="*/ 1259945 h 7534754"/>
              <a:gd name="connsiteX205" fmla="*/ 1943723 w 3845787"/>
              <a:gd name="connsiteY205" fmla="*/ 1471265 h 7534754"/>
              <a:gd name="connsiteX206" fmla="*/ 1908090 w 3845787"/>
              <a:gd name="connsiteY206" fmla="*/ 1471265 h 7534754"/>
              <a:gd name="connsiteX207" fmla="*/ 1908090 w 3845787"/>
              <a:gd name="connsiteY207" fmla="*/ 838953 h 7534754"/>
              <a:gd name="connsiteX208" fmla="*/ 1943723 w 3845787"/>
              <a:gd name="connsiteY208" fmla="*/ 838953 h 7534754"/>
              <a:gd name="connsiteX209" fmla="*/ 1943723 w 3845787"/>
              <a:gd name="connsiteY209" fmla="*/ 1050273 h 7534754"/>
              <a:gd name="connsiteX210" fmla="*/ 1908090 w 3845787"/>
              <a:gd name="connsiteY210" fmla="*/ 1050273 h 7534754"/>
              <a:gd name="connsiteX211" fmla="*/ 1908090 w 3845787"/>
              <a:gd name="connsiteY211" fmla="*/ 417962 h 7534754"/>
              <a:gd name="connsiteX212" fmla="*/ 1943723 w 3845787"/>
              <a:gd name="connsiteY212" fmla="*/ 417962 h 7534754"/>
              <a:gd name="connsiteX213" fmla="*/ 1943723 w 3845787"/>
              <a:gd name="connsiteY213" fmla="*/ 629282 h 7534754"/>
              <a:gd name="connsiteX214" fmla="*/ 1908090 w 3845787"/>
              <a:gd name="connsiteY214" fmla="*/ 629282 h 7534754"/>
              <a:gd name="connsiteX215" fmla="*/ 1908090 w 3845787"/>
              <a:gd name="connsiteY215" fmla="*/ 0 h 7534754"/>
              <a:gd name="connsiteX216" fmla="*/ 1943723 w 3845787"/>
              <a:gd name="connsiteY216" fmla="*/ 0 h 7534754"/>
              <a:gd name="connsiteX217" fmla="*/ 1943723 w 3845787"/>
              <a:gd name="connsiteY217" fmla="*/ 211320 h 7534754"/>
              <a:gd name="connsiteX218" fmla="*/ 1908090 w 3845787"/>
              <a:gd name="connsiteY218" fmla="*/ 211320 h 7534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Lst>
            <a:rect l="l" t="t" r="r" b="b"/>
            <a:pathLst>
              <a:path w="3845787" h="7534754">
                <a:moveTo>
                  <a:pt x="1902033" y="7323434"/>
                </a:moveTo>
                <a:lnTo>
                  <a:pt x="1937679" y="7323434"/>
                </a:lnTo>
                <a:lnTo>
                  <a:pt x="1937679" y="7534754"/>
                </a:lnTo>
                <a:lnTo>
                  <a:pt x="1902033" y="7534754"/>
                </a:lnTo>
                <a:close/>
                <a:moveTo>
                  <a:pt x="2031274" y="6923643"/>
                </a:moveTo>
                <a:lnTo>
                  <a:pt x="2058837" y="6945474"/>
                </a:lnTo>
                <a:cubicBezTo>
                  <a:pt x="2015426" y="6998689"/>
                  <a:pt x="1983729" y="7058043"/>
                  <a:pt x="1963057" y="7122856"/>
                </a:cubicBezTo>
                <a:lnTo>
                  <a:pt x="1929292" y="7112622"/>
                </a:lnTo>
                <a:cubicBezTo>
                  <a:pt x="1951342" y="7043716"/>
                  <a:pt x="1985796" y="6980268"/>
                  <a:pt x="2031274" y="6923643"/>
                </a:cubicBezTo>
                <a:close/>
                <a:moveTo>
                  <a:pt x="2395606" y="6711633"/>
                </a:moveTo>
                <a:lnTo>
                  <a:pt x="2401087" y="6746880"/>
                </a:lnTo>
                <a:cubicBezTo>
                  <a:pt x="2333939" y="6757246"/>
                  <a:pt x="2269531" y="6780053"/>
                  <a:pt x="2210605" y="6813918"/>
                </a:cubicBezTo>
                <a:lnTo>
                  <a:pt x="2192790" y="6784200"/>
                </a:lnTo>
                <a:cubicBezTo>
                  <a:pt x="2255827" y="6746880"/>
                  <a:pt x="2323661" y="6722691"/>
                  <a:pt x="2395606" y="6711633"/>
                </a:cubicBezTo>
                <a:close/>
                <a:moveTo>
                  <a:pt x="3028715" y="6702544"/>
                </a:moveTo>
                <a:lnTo>
                  <a:pt x="3237014" y="6702544"/>
                </a:lnTo>
                <a:lnTo>
                  <a:pt x="3237014" y="6738190"/>
                </a:lnTo>
                <a:lnTo>
                  <a:pt x="3028715" y="6738190"/>
                </a:lnTo>
                <a:close/>
                <a:moveTo>
                  <a:pt x="2607726" y="6702544"/>
                </a:moveTo>
                <a:lnTo>
                  <a:pt x="2819046" y="6702544"/>
                </a:lnTo>
                <a:lnTo>
                  <a:pt x="2819046" y="6738190"/>
                </a:lnTo>
                <a:lnTo>
                  <a:pt x="2607726" y="6738190"/>
                </a:lnTo>
                <a:close/>
                <a:moveTo>
                  <a:pt x="3617162" y="6575338"/>
                </a:moveTo>
                <a:lnTo>
                  <a:pt x="3639830" y="6602267"/>
                </a:lnTo>
                <a:cubicBezTo>
                  <a:pt x="3583503" y="6649219"/>
                  <a:pt x="3520992" y="6685124"/>
                  <a:pt x="3451613" y="6707910"/>
                </a:cubicBezTo>
                <a:lnTo>
                  <a:pt x="3440622" y="6674767"/>
                </a:lnTo>
                <a:cubicBezTo>
                  <a:pt x="3505193" y="6652672"/>
                  <a:pt x="3564956" y="6619529"/>
                  <a:pt x="3617162" y="6575338"/>
                </a:cubicBezTo>
                <a:close/>
                <a:moveTo>
                  <a:pt x="3810378" y="6227039"/>
                </a:moveTo>
                <a:lnTo>
                  <a:pt x="3845776" y="6231835"/>
                </a:lnTo>
                <a:cubicBezTo>
                  <a:pt x="3835365" y="6303779"/>
                  <a:pt x="3812460" y="6372297"/>
                  <a:pt x="3777062" y="6435334"/>
                </a:cubicBezTo>
                <a:lnTo>
                  <a:pt x="3746523" y="6418889"/>
                </a:lnTo>
                <a:cubicBezTo>
                  <a:pt x="3779839" y="6359279"/>
                  <a:pt x="3801355" y="6294872"/>
                  <a:pt x="3810378" y="6227039"/>
                </a:cubicBezTo>
                <a:close/>
                <a:moveTo>
                  <a:pt x="3745764" y="5821189"/>
                </a:moveTo>
                <a:cubicBezTo>
                  <a:pt x="3786968" y="5881115"/>
                  <a:pt x="3816498" y="5947240"/>
                  <a:pt x="3833666" y="6018187"/>
                </a:cubicBezTo>
                <a:lnTo>
                  <a:pt x="3799329" y="6026453"/>
                </a:lnTo>
                <a:cubicBezTo>
                  <a:pt x="3783534" y="5960328"/>
                  <a:pt x="3755378" y="5897646"/>
                  <a:pt x="3716234" y="5841164"/>
                </a:cubicBezTo>
                <a:close/>
                <a:moveTo>
                  <a:pt x="3393655" y="5584951"/>
                </a:moveTo>
                <a:cubicBezTo>
                  <a:pt x="3465052" y="5600707"/>
                  <a:pt x="3530957" y="5629480"/>
                  <a:pt x="3591369" y="5670584"/>
                </a:cubicBezTo>
                <a:lnTo>
                  <a:pt x="3571461" y="5699357"/>
                </a:lnTo>
                <a:cubicBezTo>
                  <a:pt x="3515167" y="5660993"/>
                  <a:pt x="3452695" y="5633590"/>
                  <a:pt x="3386103" y="5618519"/>
                </a:cubicBezTo>
                <a:close/>
                <a:moveTo>
                  <a:pt x="2971172" y="5569805"/>
                </a:moveTo>
                <a:lnTo>
                  <a:pt x="3182492" y="5569805"/>
                </a:lnTo>
                <a:lnTo>
                  <a:pt x="3182492" y="5605451"/>
                </a:lnTo>
                <a:lnTo>
                  <a:pt x="2971172" y="5605451"/>
                </a:lnTo>
                <a:close/>
                <a:moveTo>
                  <a:pt x="2550180" y="5569805"/>
                </a:moveTo>
                <a:lnTo>
                  <a:pt x="2761500" y="5569805"/>
                </a:lnTo>
                <a:lnTo>
                  <a:pt x="2761500" y="5605451"/>
                </a:lnTo>
                <a:lnTo>
                  <a:pt x="2550180" y="5605451"/>
                </a:lnTo>
                <a:close/>
                <a:moveTo>
                  <a:pt x="2132217" y="5569805"/>
                </a:moveTo>
                <a:lnTo>
                  <a:pt x="2343537" y="5569805"/>
                </a:lnTo>
                <a:lnTo>
                  <a:pt x="2343537" y="5605451"/>
                </a:lnTo>
                <a:lnTo>
                  <a:pt x="2132217" y="5605451"/>
                </a:lnTo>
                <a:close/>
                <a:moveTo>
                  <a:pt x="1711227" y="5569805"/>
                </a:moveTo>
                <a:lnTo>
                  <a:pt x="1922547" y="5569805"/>
                </a:lnTo>
                <a:lnTo>
                  <a:pt x="1922547" y="5605451"/>
                </a:lnTo>
                <a:lnTo>
                  <a:pt x="1711227" y="5605451"/>
                </a:lnTo>
                <a:close/>
                <a:moveTo>
                  <a:pt x="1293264" y="5569805"/>
                </a:moveTo>
                <a:lnTo>
                  <a:pt x="1501561" y="5569805"/>
                </a:lnTo>
                <a:lnTo>
                  <a:pt x="1501561" y="5605451"/>
                </a:lnTo>
                <a:lnTo>
                  <a:pt x="1293264" y="5605451"/>
                </a:lnTo>
                <a:close/>
                <a:moveTo>
                  <a:pt x="872272" y="5569805"/>
                </a:moveTo>
                <a:lnTo>
                  <a:pt x="1083591" y="5569805"/>
                </a:lnTo>
                <a:lnTo>
                  <a:pt x="1083591" y="5605451"/>
                </a:lnTo>
                <a:lnTo>
                  <a:pt x="872272" y="5605451"/>
                </a:lnTo>
                <a:close/>
                <a:moveTo>
                  <a:pt x="456548" y="5554664"/>
                </a:moveTo>
                <a:cubicBezTo>
                  <a:pt x="498035" y="5564538"/>
                  <a:pt x="540905" y="5569475"/>
                  <a:pt x="584466" y="5569475"/>
                </a:cubicBezTo>
                <a:lnTo>
                  <a:pt x="662599" y="5569475"/>
                </a:lnTo>
                <a:lnTo>
                  <a:pt x="662599" y="5605445"/>
                </a:lnTo>
                <a:lnTo>
                  <a:pt x="584466" y="5605445"/>
                </a:lnTo>
                <a:cubicBezTo>
                  <a:pt x="538139" y="5605445"/>
                  <a:pt x="492503" y="5600508"/>
                  <a:pt x="448251" y="5589224"/>
                </a:cubicBezTo>
                <a:close/>
                <a:moveTo>
                  <a:pt x="129407" y="5327507"/>
                </a:moveTo>
                <a:cubicBezTo>
                  <a:pt x="167771" y="5383683"/>
                  <a:pt x="215725" y="5432323"/>
                  <a:pt x="271901" y="5470687"/>
                </a:cubicBezTo>
                <a:lnTo>
                  <a:pt x="252034" y="5499460"/>
                </a:lnTo>
                <a:cubicBezTo>
                  <a:pt x="192433" y="5458355"/>
                  <a:pt x="141739" y="5406975"/>
                  <a:pt x="99950" y="5347374"/>
                </a:cubicBezTo>
                <a:close/>
                <a:moveTo>
                  <a:pt x="6348" y="4936804"/>
                </a:moveTo>
                <a:lnTo>
                  <a:pt x="41614" y="4941598"/>
                </a:lnTo>
                <a:cubicBezTo>
                  <a:pt x="38088" y="4967621"/>
                  <a:pt x="35972" y="4992960"/>
                  <a:pt x="35972" y="5018984"/>
                </a:cubicBezTo>
                <a:cubicBezTo>
                  <a:pt x="35972" y="5061444"/>
                  <a:pt x="40909" y="5103219"/>
                  <a:pt x="50783" y="5142939"/>
                </a:cubicBezTo>
                <a:lnTo>
                  <a:pt x="15517" y="5151157"/>
                </a:lnTo>
                <a:cubicBezTo>
                  <a:pt x="5642" y="5108012"/>
                  <a:pt x="0" y="5064183"/>
                  <a:pt x="0" y="5018984"/>
                </a:cubicBezTo>
                <a:cubicBezTo>
                  <a:pt x="0" y="4991591"/>
                  <a:pt x="2116" y="4964197"/>
                  <a:pt x="6348" y="4936804"/>
                </a:cubicBezTo>
                <a:close/>
                <a:moveTo>
                  <a:pt x="213603" y="4567303"/>
                </a:moveTo>
                <a:lnTo>
                  <a:pt x="235555" y="4594289"/>
                </a:lnTo>
                <a:cubicBezTo>
                  <a:pt x="182734" y="4638574"/>
                  <a:pt x="139517" y="4691162"/>
                  <a:pt x="105903" y="4751362"/>
                </a:cubicBezTo>
                <a:lnTo>
                  <a:pt x="75720" y="4733371"/>
                </a:lnTo>
                <a:cubicBezTo>
                  <a:pt x="111391" y="4669712"/>
                  <a:pt x="157352" y="4613663"/>
                  <a:pt x="213603" y="4567303"/>
                </a:cubicBezTo>
                <a:close/>
                <a:moveTo>
                  <a:pt x="584408" y="4434039"/>
                </a:moveTo>
                <a:lnTo>
                  <a:pt x="614140" y="4434039"/>
                </a:lnTo>
                <a:lnTo>
                  <a:pt x="614140" y="4469684"/>
                </a:lnTo>
                <a:lnTo>
                  <a:pt x="584408" y="4469684"/>
                </a:lnTo>
                <a:cubicBezTo>
                  <a:pt x="524944" y="4469684"/>
                  <a:pt x="466171" y="4478770"/>
                  <a:pt x="410855" y="4496942"/>
                </a:cubicBezTo>
                <a:lnTo>
                  <a:pt x="399792" y="4463394"/>
                </a:lnTo>
                <a:cubicBezTo>
                  <a:pt x="459256" y="4443824"/>
                  <a:pt x="520795" y="4434039"/>
                  <a:pt x="584408" y="4434039"/>
                </a:cubicBezTo>
                <a:close/>
                <a:moveTo>
                  <a:pt x="2922713" y="4434037"/>
                </a:moveTo>
                <a:lnTo>
                  <a:pt x="3134033" y="4434037"/>
                </a:lnTo>
                <a:lnTo>
                  <a:pt x="3134033" y="4469683"/>
                </a:lnTo>
                <a:lnTo>
                  <a:pt x="2922713" y="4469683"/>
                </a:lnTo>
                <a:close/>
                <a:moveTo>
                  <a:pt x="2501720" y="4434037"/>
                </a:moveTo>
                <a:lnTo>
                  <a:pt x="2713040" y="4434037"/>
                </a:lnTo>
                <a:lnTo>
                  <a:pt x="2713040" y="4469683"/>
                </a:lnTo>
                <a:lnTo>
                  <a:pt x="2501720" y="4469683"/>
                </a:lnTo>
                <a:close/>
                <a:moveTo>
                  <a:pt x="2083758" y="4434037"/>
                </a:moveTo>
                <a:lnTo>
                  <a:pt x="2295078" y="4434037"/>
                </a:lnTo>
                <a:lnTo>
                  <a:pt x="2295078" y="4469683"/>
                </a:lnTo>
                <a:lnTo>
                  <a:pt x="2083758" y="4469683"/>
                </a:lnTo>
                <a:close/>
                <a:moveTo>
                  <a:pt x="1662767" y="4434037"/>
                </a:moveTo>
                <a:lnTo>
                  <a:pt x="1874086" y="4434037"/>
                </a:lnTo>
                <a:lnTo>
                  <a:pt x="1874086" y="4469683"/>
                </a:lnTo>
                <a:lnTo>
                  <a:pt x="1662767" y="4469683"/>
                </a:lnTo>
                <a:close/>
                <a:moveTo>
                  <a:pt x="1244805" y="4434037"/>
                </a:moveTo>
                <a:lnTo>
                  <a:pt x="1456124" y="4434037"/>
                </a:lnTo>
                <a:lnTo>
                  <a:pt x="1456124" y="4469683"/>
                </a:lnTo>
                <a:lnTo>
                  <a:pt x="1244805" y="4469683"/>
                </a:lnTo>
                <a:close/>
                <a:moveTo>
                  <a:pt x="823810" y="4434037"/>
                </a:moveTo>
                <a:lnTo>
                  <a:pt x="1032109" y="4434037"/>
                </a:lnTo>
                <a:lnTo>
                  <a:pt x="1032109" y="4469683"/>
                </a:lnTo>
                <a:lnTo>
                  <a:pt x="823810" y="4469683"/>
                </a:lnTo>
                <a:close/>
                <a:moveTo>
                  <a:pt x="3531841" y="4364376"/>
                </a:moveTo>
                <a:lnTo>
                  <a:pt x="3548970" y="4395394"/>
                </a:lnTo>
                <a:cubicBezTo>
                  <a:pt x="3485933" y="4430549"/>
                  <a:pt x="3417415" y="4453985"/>
                  <a:pt x="3345472" y="4463635"/>
                </a:cubicBezTo>
                <a:lnTo>
                  <a:pt x="3340675" y="4429170"/>
                </a:lnTo>
                <a:cubicBezTo>
                  <a:pt x="3407823" y="4419520"/>
                  <a:pt x="3472915" y="4398152"/>
                  <a:pt x="3531841" y="4364376"/>
                </a:cubicBezTo>
                <a:close/>
                <a:moveTo>
                  <a:pt x="3785376" y="4058479"/>
                </a:moveTo>
                <a:lnTo>
                  <a:pt x="3818520" y="4069470"/>
                </a:lnTo>
                <a:cubicBezTo>
                  <a:pt x="3795734" y="4138849"/>
                  <a:pt x="3760519" y="4201359"/>
                  <a:pt x="3713566" y="4257687"/>
                </a:cubicBezTo>
                <a:lnTo>
                  <a:pt x="3685947" y="4235705"/>
                </a:lnTo>
                <a:cubicBezTo>
                  <a:pt x="3730138" y="4182812"/>
                  <a:pt x="3763971" y="4123050"/>
                  <a:pt x="3785376" y="4058479"/>
                </a:cubicBezTo>
                <a:close/>
                <a:moveTo>
                  <a:pt x="3796041" y="3649601"/>
                </a:moveTo>
                <a:cubicBezTo>
                  <a:pt x="3826024" y="3715897"/>
                  <a:pt x="3842379" y="3786337"/>
                  <a:pt x="3845787" y="3859539"/>
                </a:cubicBezTo>
                <a:lnTo>
                  <a:pt x="3811033" y="3860920"/>
                </a:lnTo>
                <a:cubicBezTo>
                  <a:pt x="3807625" y="3791862"/>
                  <a:pt x="3791952" y="3726947"/>
                  <a:pt x="3764694" y="3664103"/>
                </a:cubicBezTo>
                <a:close/>
                <a:moveTo>
                  <a:pt x="3496654" y="3349757"/>
                </a:moveTo>
                <a:cubicBezTo>
                  <a:pt x="3562756" y="3377741"/>
                  <a:pt x="3622043" y="3418010"/>
                  <a:pt x="3673153" y="3469199"/>
                </a:cubicBezTo>
                <a:lnTo>
                  <a:pt x="3648620" y="3494453"/>
                </a:lnTo>
                <a:cubicBezTo>
                  <a:pt x="3600917" y="3445993"/>
                  <a:pt x="3544356" y="3408454"/>
                  <a:pt x="3483024" y="3381153"/>
                </a:cubicBezTo>
                <a:close/>
                <a:moveTo>
                  <a:pt x="3077176" y="3301298"/>
                </a:moveTo>
                <a:lnTo>
                  <a:pt x="3264406" y="3301298"/>
                </a:lnTo>
                <a:cubicBezTo>
                  <a:pt x="3272666" y="3301298"/>
                  <a:pt x="3280238" y="3301298"/>
                  <a:pt x="3288498" y="3301298"/>
                </a:cubicBezTo>
                <a:lnTo>
                  <a:pt x="3287121" y="3336944"/>
                </a:lnTo>
                <a:cubicBezTo>
                  <a:pt x="3279549" y="3336944"/>
                  <a:pt x="3271978" y="3336245"/>
                  <a:pt x="3264406" y="3336245"/>
                </a:cubicBezTo>
                <a:lnTo>
                  <a:pt x="3077176" y="3336245"/>
                </a:lnTo>
                <a:close/>
                <a:moveTo>
                  <a:pt x="2656186" y="3301298"/>
                </a:moveTo>
                <a:lnTo>
                  <a:pt x="2867506" y="3301298"/>
                </a:lnTo>
                <a:lnTo>
                  <a:pt x="2867506" y="3336930"/>
                </a:lnTo>
                <a:lnTo>
                  <a:pt x="2656186" y="3336930"/>
                </a:lnTo>
                <a:close/>
                <a:moveTo>
                  <a:pt x="2238223" y="3301298"/>
                </a:moveTo>
                <a:lnTo>
                  <a:pt x="2449543" y="3301298"/>
                </a:lnTo>
                <a:lnTo>
                  <a:pt x="2449543" y="3336930"/>
                </a:lnTo>
                <a:lnTo>
                  <a:pt x="2238223" y="3336930"/>
                </a:lnTo>
                <a:close/>
                <a:moveTo>
                  <a:pt x="1817229" y="3301298"/>
                </a:moveTo>
                <a:lnTo>
                  <a:pt x="2025528" y="3301298"/>
                </a:lnTo>
                <a:lnTo>
                  <a:pt x="2025528" y="3336930"/>
                </a:lnTo>
                <a:lnTo>
                  <a:pt x="1817229" y="3336930"/>
                </a:lnTo>
                <a:close/>
                <a:moveTo>
                  <a:pt x="1399268" y="3301298"/>
                </a:moveTo>
                <a:lnTo>
                  <a:pt x="1610587" y="3301298"/>
                </a:lnTo>
                <a:lnTo>
                  <a:pt x="1610587" y="3336930"/>
                </a:lnTo>
                <a:lnTo>
                  <a:pt x="1399268" y="3336930"/>
                </a:lnTo>
                <a:close/>
                <a:moveTo>
                  <a:pt x="978278" y="3301298"/>
                </a:moveTo>
                <a:lnTo>
                  <a:pt x="1189597" y="3301298"/>
                </a:lnTo>
                <a:lnTo>
                  <a:pt x="1189597" y="3336930"/>
                </a:lnTo>
                <a:lnTo>
                  <a:pt x="978278" y="3336930"/>
                </a:lnTo>
                <a:close/>
                <a:moveTo>
                  <a:pt x="559350" y="3301298"/>
                </a:moveTo>
                <a:cubicBezTo>
                  <a:pt x="567610" y="3301997"/>
                  <a:pt x="575870" y="3301997"/>
                  <a:pt x="584819" y="3301997"/>
                </a:cubicBezTo>
                <a:lnTo>
                  <a:pt x="768606" y="3301997"/>
                </a:lnTo>
                <a:lnTo>
                  <a:pt x="768606" y="3336944"/>
                </a:lnTo>
                <a:lnTo>
                  <a:pt x="584819" y="3336944"/>
                </a:lnTo>
                <a:cubicBezTo>
                  <a:pt x="575182" y="3336944"/>
                  <a:pt x="566233" y="3336944"/>
                  <a:pt x="557285" y="3336944"/>
                </a:cubicBezTo>
                <a:close/>
                <a:moveTo>
                  <a:pt x="194142" y="3140775"/>
                </a:moveTo>
                <a:cubicBezTo>
                  <a:pt x="241845" y="3189320"/>
                  <a:pt x="298407" y="3228156"/>
                  <a:pt x="359738" y="3256589"/>
                </a:cubicBezTo>
                <a:lnTo>
                  <a:pt x="345428" y="3288489"/>
                </a:lnTo>
                <a:cubicBezTo>
                  <a:pt x="280007" y="3258670"/>
                  <a:pt x="220720" y="3217754"/>
                  <a:pt x="169610" y="3165741"/>
                </a:cubicBezTo>
                <a:close/>
                <a:moveTo>
                  <a:pt x="35049" y="2777331"/>
                </a:moveTo>
                <a:cubicBezTo>
                  <a:pt x="37797" y="2845477"/>
                  <a:pt x="52916" y="2912247"/>
                  <a:pt x="81091" y="2974886"/>
                </a:cubicBezTo>
                <a:lnTo>
                  <a:pt x="48792" y="2988653"/>
                </a:lnTo>
                <a:cubicBezTo>
                  <a:pt x="19930" y="2921884"/>
                  <a:pt x="3438" y="2851673"/>
                  <a:pt x="2" y="2778708"/>
                </a:cubicBezTo>
                <a:close/>
                <a:moveTo>
                  <a:pt x="135386" y="2377540"/>
                </a:moveTo>
                <a:lnTo>
                  <a:pt x="162863" y="2400895"/>
                </a:lnTo>
                <a:cubicBezTo>
                  <a:pt x="118213" y="2453102"/>
                  <a:pt x="85241" y="2512177"/>
                  <a:pt x="63259" y="2576748"/>
                </a:cubicBezTo>
                <a:lnTo>
                  <a:pt x="30287" y="2565757"/>
                </a:lnTo>
                <a:cubicBezTo>
                  <a:pt x="52955" y="2496378"/>
                  <a:pt x="88675" y="2433868"/>
                  <a:pt x="135386" y="2377540"/>
                </a:cubicBezTo>
                <a:close/>
                <a:moveTo>
                  <a:pt x="504028" y="2171586"/>
                </a:moveTo>
                <a:lnTo>
                  <a:pt x="508140" y="2206291"/>
                </a:lnTo>
                <a:cubicBezTo>
                  <a:pt x="440992" y="2215314"/>
                  <a:pt x="376585" y="2237525"/>
                  <a:pt x="316974" y="2270841"/>
                </a:cubicBezTo>
                <a:lnTo>
                  <a:pt x="299845" y="2239607"/>
                </a:lnTo>
                <a:cubicBezTo>
                  <a:pt x="363567" y="2204208"/>
                  <a:pt x="432085" y="2181303"/>
                  <a:pt x="504028" y="2171586"/>
                </a:cubicBezTo>
                <a:close/>
                <a:moveTo>
                  <a:pt x="1138799" y="2168558"/>
                </a:moveTo>
                <a:lnTo>
                  <a:pt x="1350118" y="2168558"/>
                </a:lnTo>
                <a:lnTo>
                  <a:pt x="1350118" y="2204204"/>
                </a:lnTo>
                <a:lnTo>
                  <a:pt x="1138799" y="2204204"/>
                </a:lnTo>
                <a:close/>
                <a:moveTo>
                  <a:pt x="717808" y="2168558"/>
                </a:moveTo>
                <a:lnTo>
                  <a:pt x="926105" y="2168558"/>
                </a:lnTo>
                <a:lnTo>
                  <a:pt x="926105" y="2204204"/>
                </a:lnTo>
                <a:lnTo>
                  <a:pt x="717808" y="2204204"/>
                </a:lnTo>
                <a:close/>
                <a:moveTo>
                  <a:pt x="1721301" y="2029240"/>
                </a:moveTo>
                <a:lnTo>
                  <a:pt x="1743858" y="2055135"/>
                </a:lnTo>
                <a:cubicBezTo>
                  <a:pt x="1689857" y="2102836"/>
                  <a:pt x="1627653" y="2139635"/>
                  <a:pt x="1559980" y="2164849"/>
                </a:cubicBezTo>
                <a:lnTo>
                  <a:pt x="1547676" y="2132139"/>
                </a:lnTo>
                <a:cubicBezTo>
                  <a:pt x="1611931" y="2108969"/>
                  <a:pt x="1670033" y="2074215"/>
                  <a:pt x="1721301" y="2029240"/>
                </a:cubicBezTo>
                <a:close/>
                <a:moveTo>
                  <a:pt x="1902908" y="1677908"/>
                </a:moveTo>
                <a:lnTo>
                  <a:pt x="1937682" y="1681323"/>
                </a:lnTo>
                <a:cubicBezTo>
                  <a:pt x="1930032" y="1753032"/>
                  <a:pt x="1909863" y="1822009"/>
                  <a:pt x="1875784" y="1886205"/>
                </a:cubicBezTo>
                <a:lnTo>
                  <a:pt x="1844488" y="1869815"/>
                </a:lnTo>
                <a:cubicBezTo>
                  <a:pt x="1876480" y="1809716"/>
                  <a:pt x="1895953" y="1745520"/>
                  <a:pt x="1902908" y="1677908"/>
                </a:cubicBezTo>
                <a:close/>
                <a:moveTo>
                  <a:pt x="1908090" y="1259945"/>
                </a:moveTo>
                <a:lnTo>
                  <a:pt x="1943723" y="1259945"/>
                </a:lnTo>
                <a:lnTo>
                  <a:pt x="1943723" y="1471265"/>
                </a:lnTo>
                <a:lnTo>
                  <a:pt x="1908090" y="1471265"/>
                </a:lnTo>
                <a:close/>
                <a:moveTo>
                  <a:pt x="1908090" y="838953"/>
                </a:moveTo>
                <a:lnTo>
                  <a:pt x="1943723" y="838953"/>
                </a:lnTo>
                <a:lnTo>
                  <a:pt x="1943723" y="1050273"/>
                </a:lnTo>
                <a:lnTo>
                  <a:pt x="1908090" y="1050273"/>
                </a:lnTo>
                <a:close/>
                <a:moveTo>
                  <a:pt x="1908090" y="417962"/>
                </a:moveTo>
                <a:lnTo>
                  <a:pt x="1943723" y="417962"/>
                </a:lnTo>
                <a:lnTo>
                  <a:pt x="1943723" y="629282"/>
                </a:lnTo>
                <a:lnTo>
                  <a:pt x="1908090" y="629282"/>
                </a:lnTo>
                <a:close/>
                <a:moveTo>
                  <a:pt x="1908090" y="0"/>
                </a:moveTo>
                <a:lnTo>
                  <a:pt x="1943723" y="0"/>
                </a:lnTo>
                <a:lnTo>
                  <a:pt x="1943723" y="211320"/>
                </a:lnTo>
                <a:lnTo>
                  <a:pt x="1908090" y="211320"/>
                </a:lnTo>
                <a:close/>
              </a:path>
            </a:pathLst>
          </a:custGeom>
          <a:solidFill>
            <a:schemeClr val="bg1">
              <a:alpha val="56000"/>
            </a:schemeClr>
          </a:solidFill>
          <a:ln>
            <a:noFill/>
          </a:ln>
          <a:effectLst/>
        </p:spPr>
        <p:txBody>
          <a:bodyPr wrap="square" anchor="ctr">
            <a:noAutofit/>
          </a:bodyP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7" name="Freeform 4">
            <a:extLst>
              <a:ext uri="{FF2B5EF4-FFF2-40B4-BE49-F238E27FC236}">
                <a16:creationId xmlns:a16="http://schemas.microsoft.com/office/drawing/2014/main" id="{218A78FD-75E5-0B91-BEE2-B2A4C26B8AFB}"/>
              </a:ext>
            </a:extLst>
          </p:cNvPr>
          <p:cNvSpPr>
            <a:spLocks noChangeArrowheads="1"/>
          </p:cNvSpPr>
          <p:nvPr/>
        </p:nvSpPr>
        <p:spPr bwMode="auto">
          <a:xfrm>
            <a:off x="8294840" y="464895"/>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8" name="Freeform 4">
            <a:extLst>
              <a:ext uri="{FF2B5EF4-FFF2-40B4-BE49-F238E27FC236}">
                <a16:creationId xmlns:a16="http://schemas.microsoft.com/office/drawing/2014/main" id="{C68E1121-6BAB-35FF-052D-E46F784DA968}"/>
              </a:ext>
            </a:extLst>
          </p:cNvPr>
          <p:cNvSpPr>
            <a:spLocks noChangeArrowheads="1"/>
          </p:cNvSpPr>
          <p:nvPr/>
        </p:nvSpPr>
        <p:spPr bwMode="auto">
          <a:xfrm>
            <a:off x="9374116" y="5105446"/>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 name="Freeform 4">
            <a:extLst>
              <a:ext uri="{FF2B5EF4-FFF2-40B4-BE49-F238E27FC236}">
                <a16:creationId xmlns:a16="http://schemas.microsoft.com/office/drawing/2014/main" id="{85620A5F-4BD5-2DE3-017B-ACD882E0E8E9}"/>
              </a:ext>
            </a:extLst>
          </p:cNvPr>
          <p:cNvSpPr>
            <a:spLocks noChangeArrowheads="1"/>
          </p:cNvSpPr>
          <p:nvPr/>
        </p:nvSpPr>
        <p:spPr bwMode="auto">
          <a:xfrm>
            <a:off x="7151422" y="4064618"/>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1" name="Freeform 4">
            <a:extLst>
              <a:ext uri="{FF2B5EF4-FFF2-40B4-BE49-F238E27FC236}">
                <a16:creationId xmlns:a16="http://schemas.microsoft.com/office/drawing/2014/main" id="{76D78DD2-9944-C96C-9232-B57EFECF48A4}"/>
              </a:ext>
            </a:extLst>
          </p:cNvPr>
          <p:cNvSpPr>
            <a:spLocks noChangeArrowheads="1"/>
          </p:cNvSpPr>
          <p:nvPr/>
        </p:nvSpPr>
        <p:spPr bwMode="auto">
          <a:xfrm>
            <a:off x="7156447" y="2078183"/>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2" name="Freeform 4">
            <a:extLst>
              <a:ext uri="{FF2B5EF4-FFF2-40B4-BE49-F238E27FC236}">
                <a16:creationId xmlns:a16="http://schemas.microsoft.com/office/drawing/2014/main" id="{64C1AB5B-482B-2D8D-3280-9898798190F1}"/>
              </a:ext>
            </a:extLst>
          </p:cNvPr>
          <p:cNvSpPr>
            <a:spLocks noChangeArrowheads="1"/>
          </p:cNvSpPr>
          <p:nvPr/>
        </p:nvSpPr>
        <p:spPr bwMode="auto">
          <a:xfrm>
            <a:off x="9376672" y="3038571"/>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38" name="Billede 37" descr="Et billede, der indeholder sort, mørke&#10;&#10;AI-genereret indhold kan være ukorrekt.">
            <a:extLst>
              <a:ext uri="{FF2B5EF4-FFF2-40B4-BE49-F238E27FC236}">
                <a16:creationId xmlns:a16="http://schemas.microsoft.com/office/drawing/2014/main" id="{49E76FC1-75FA-5BA3-31B9-C3B99C7BECF9}"/>
              </a:ext>
            </a:extLst>
          </p:cNvPr>
          <p:cNvPicPr>
            <a:picLocks noChangeAspect="1"/>
          </p:cNvPicPr>
          <p:nvPr/>
        </p:nvPicPr>
        <p:blipFill>
          <a:blip r:embed="rId3" cstate="print">
            <a:lum bright="70000" contrast="-70000"/>
            <a:extLst>
              <a:ext uri="{28A0092B-C50C-407E-A947-70E740481C1C}">
                <a14:useLocalDpi xmlns:a14="http://schemas.microsoft.com/office/drawing/2010/main" val="0"/>
              </a:ext>
            </a:extLst>
          </a:blip>
          <a:stretch>
            <a:fillRect/>
          </a:stretch>
        </p:blipFill>
        <p:spPr>
          <a:xfrm>
            <a:off x="8490156" y="590797"/>
            <a:ext cx="577507" cy="577507"/>
          </a:xfrm>
          <a:prstGeom prst="rect">
            <a:avLst/>
          </a:prstGeom>
          <a:ln w="34925">
            <a:noFill/>
          </a:ln>
        </p:spPr>
      </p:pic>
      <p:pic>
        <p:nvPicPr>
          <p:cNvPr id="47" name="Billede 46" descr="Et billede, der indeholder sort, mørke&#10;&#10;AI-genereret indhold kan være ukorrekt.">
            <a:extLst>
              <a:ext uri="{FF2B5EF4-FFF2-40B4-BE49-F238E27FC236}">
                <a16:creationId xmlns:a16="http://schemas.microsoft.com/office/drawing/2014/main" id="{027C6F5A-085C-3B17-229B-6C182EAD52E5}"/>
              </a:ext>
            </a:extLst>
          </p:cNvPr>
          <p:cNvPicPr>
            <a:picLocks noChangeAspect="1"/>
          </p:cNvPicPr>
          <p:nvPr/>
        </p:nvPicPr>
        <p:blipFill>
          <a:blip r:embed="rId4" cstate="print">
            <a:lum bright="70000" contrast="-70000"/>
            <a:extLst>
              <a:ext uri="{28A0092B-C50C-407E-A947-70E740481C1C}">
                <a14:useLocalDpi xmlns:a14="http://schemas.microsoft.com/office/drawing/2010/main" val="0"/>
              </a:ext>
            </a:extLst>
          </a:blip>
          <a:stretch>
            <a:fillRect/>
          </a:stretch>
        </p:blipFill>
        <p:spPr>
          <a:xfrm>
            <a:off x="7323257" y="2202863"/>
            <a:ext cx="636225" cy="636225"/>
          </a:xfrm>
          <a:prstGeom prst="rect">
            <a:avLst/>
          </a:prstGeom>
        </p:spPr>
      </p:pic>
      <p:grpSp>
        <p:nvGrpSpPr>
          <p:cNvPr id="115" name="Gruppe 114">
            <a:extLst>
              <a:ext uri="{FF2B5EF4-FFF2-40B4-BE49-F238E27FC236}">
                <a16:creationId xmlns:a16="http://schemas.microsoft.com/office/drawing/2014/main" id="{13013134-8DD0-CD3A-2917-9B69E1A4057D}"/>
              </a:ext>
            </a:extLst>
          </p:cNvPr>
          <p:cNvGrpSpPr/>
          <p:nvPr/>
        </p:nvGrpSpPr>
        <p:grpSpPr>
          <a:xfrm>
            <a:off x="9512202" y="3140854"/>
            <a:ext cx="732373" cy="775330"/>
            <a:chOff x="5893979" y="1530527"/>
            <a:chExt cx="799863" cy="846779"/>
          </a:xfrm>
        </p:grpSpPr>
        <p:pic>
          <p:nvPicPr>
            <p:cNvPr id="106" name="Billede 105" descr="Et billede, der indeholder sort, mørke&#10;&#10;AI-genereret indhold kan være ukorrekt.">
              <a:extLst>
                <a:ext uri="{FF2B5EF4-FFF2-40B4-BE49-F238E27FC236}">
                  <a16:creationId xmlns:a16="http://schemas.microsoft.com/office/drawing/2014/main" id="{D657BB6B-301F-2CED-7E6B-70C7753EE35F}"/>
                </a:ext>
              </a:extLst>
            </p:cNvPr>
            <p:cNvPicPr>
              <a:picLocks noChangeAspect="1"/>
            </p:cNvPicPr>
            <p:nvPr/>
          </p:nvPicPr>
          <p:blipFill>
            <a:blip r:embed="rId5" cstate="print">
              <a:lum bright="70000" contrast="-70000"/>
              <a:extLst>
                <a:ext uri="{28A0092B-C50C-407E-A947-70E740481C1C}">
                  <a14:useLocalDpi xmlns:a14="http://schemas.microsoft.com/office/drawing/2010/main" val="0"/>
                </a:ext>
              </a:extLst>
            </a:blip>
            <a:stretch>
              <a:fillRect/>
            </a:stretch>
          </p:blipFill>
          <p:spPr>
            <a:xfrm>
              <a:off x="5909303" y="1530527"/>
              <a:ext cx="769215" cy="764666"/>
            </a:xfrm>
            <a:prstGeom prst="rect">
              <a:avLst/>
            </a:prstGeom>
          </p:spPr>
        </p:pic>
        <p:sp>
          <p:nvSpPr>
            <p:cNvPr id="56" name="Blokbue 55">
              <a:extLst>
                <a:ext uri="{FF2B5EF4-FFF2-40B4-BE49-F238E27FC236}">
                  <a16:creationId xmlns:a16="http://schemas.microsoft.com/office/drawing/2014/main" id="{62BA94B9-450E-9B14-DA9B-5DFCE06FE340}"/>
                </a:ext>
              </a:extLst>
            </p:cNvPr>
            <p:cNvSpPr/>
            <p:nvPr/>
          </p:nvSpPr>
          <p:spPr bwMode="auto">
            <a:xfrm rot="10583219">
              <a:off x="5893979" y="1621172"/>
              <a:ext cx="799863" cy="655864"/>
            </a:xfrm>
            <a:prstGeom prst="blockArc">
              <a:avLst>
                <a:gd name="adj1" fmla="val 10187759"/>
                <a:gd name="adj2" fmla="val 1328130"/>
                <a:gd name="adj3" fmla="val 33143"/>
              </a:avLst>
            </a:prstGeom>
            <a:solidFill>
              <a:srgbClr val="102B48"/>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nvGrpSpPr>
            <p:cNvPr id="114" name="Gruppe 113">
              <a:extLst>
                <a:ext uri="{FF2B5EF4-FFF2-40B4-BE49-F238E27FC236}">
                  <a16:creationId xmlns:a16="http://schemas.microsoft.com/office/drawing/2014/main" id="{AEE691E5-553C-4C67-719C-426D23BE3AB1}"/>
                </a:ext>
              </a:extLst>
            </p:cNvPr>
            <p:cNvGrpSpPr/>
            <p:nvPr/>
          </p:nvGrpSpPr>
          <p:grpSpPr>
            <a:xfrm>
              <a:off x="5958117" y="1993098"/>
              <a:ext cx="671585" cy="384208"/>
              <a:chOff x="7749287" y="1714250"/>
              <a:chExt cx="671585" cy="384208"/>
            </a:xfrm>
          </p:grpSpPr>
          <p:pic>
            <p:nvPicPr>
              <p:cNvPr id="58" name="Billede 57" descr="Et billede, der indeholder sort, mørke&#10;&#10;AI-genereret indhold kan være ukorrekt.">
                <a:extLst>
                  <a:ext uri="{FF2B5EF4-FFF2-40B4-BE49-F238E27FC236}">
                    <a16:creationId xmlns:a16="http://schemas.microsoft.com/office/drawing/2014/main" id="{39D8797A-3C8C-4623-87A9-374382F95E58}"/>
                  </a:ext>
                </a:extLst>
              </p:cNvPr>
              <p:cNvPicPr>
                <a:picLocks noChangeAspect="1"/>
              </p:cNvPicPr>
              <p:nvPr/>
            </p:nvPicPr>
            <p:blipFill>
              <a:blip r:embed="rId6" cstate="print">
                <a:lum bright="70000" contrast="-70000"/>
                <a:extLst>
                  <a:ext uri="{BEBA8EAE-BF5A-486C-A8C5-ECC9F3942E4B}">
                    <a14:imgProps xmlns:a14="http://schemas.microsoft.com/office/drawing/2010/main">
                      <a14:imgLayer r:embed="rId7">
                        <a14:imgEffect>
                          <a14:backgroundRemoval t="9961" b="95508" l="1172" r="98633">
                            <a14:foregroundMark x1="64195" y1="46909" x2="76953" y2="46875"/>
                            <a14:foregroundMark x1="3906" y1="47070" x2="37381" y2="46981"/>
                            <a14:foregroundMark x1="42447" y1="50029" x2="4297" y2="53516"/>
                            <a14:foregroundMark x1="76953" y1="46875" x2="63267" y2="48126"/>
                            <a14:foregroundMark x1="4297" y1="53516" x2="89453" y2="97852"/>
                            <a14:foregroundMark x1="89453" y1="97852" x2="3711" y2="96094"/>
                            <a14:foregroundMark x1="3711" y1="96094" x2="80273" y2="90234"/>
                            <a14:foregroundMark x1="80273" y1="90234" x2="49414" y2="72852"/>
                            <a14:foregroundMark x1="83789" y1="63281" x2="99023" y2="65820"/>
                            <a14:foregroundMark x1="17383" y1="73242" x2="90820" y2="95703"/>
                            <a14:foregroundMark x1="90820" y1="95703" x2="95898" y2="95313"/>
                            <a14:foregroundMark x1="11523" y1="76758" x2="1172" y2="84570"/>
                            <a14:foregroundMark x1="13867" y1="47461" x2="24219" y2="46680"/>
                            <a14:foregroundMark x1="50781" y1="56641" x2="64258" y2="55664"/>
                            <a14:foregroundMark x1="67773" y1="54883" x2="24219" y2="57617"/>
                            <a14:foregroundMark x1="38477" y1="40234" x2="1172" y2="39648"/>
                            <a14:foregroundMark x1="22852" y1="51367" x2="19141" y2="45898"/>
                            <a14:foregroundMark x1="30664" y1="34961" x2="30859" y2="38281"/>
                            <a14:foregroundMark x1="42188" y1="50195" x2="50391" y2="55273"/>
                            <a14:foregroundMark x1="62109" y1="56641" x2="63867" y2="58008"/>
                            <a14:foregroundMark x1="75000" y1="57031" x2="78516" y2="55859"/>
                            <a14:foregroundMark x1="89844" y1="47070" x2="88672" y2="47461"/>
                            <a14:foregroundMark x1="82617" y1="48828" x2="82617" y2="48828"/>
                            <a14:foregroundMark x1="82031" y1="49219" x2="82031" y2="49219"/>
                            <a14:foregroundMark x1="76953" y1="47461" x2="76953" y2="47461"/>
                            <a14:foregroundMark x1="72852" y1="47852" x2="72852" y2="47852"/>
                            <a14:foregroundMark x1="75586" y1="45898" x2="75586" y2="45898"/>
                            <a14:foregroundMark x1="73438" y1="45313" x2="84180" y2="45703"/>
                            <a14:foregroundMark x1="82422" y1="42773" x2="37305" y2="58008"/>
                            <a14:foregroundMark x1="85547" y1="45898" x2="85547" y2="45898"/>
                            <a14:backgroundMark x1="0" y1="26563" x2="73242" y2="37891"/>
                            <a14:backgroundMark x1="73242" y1="37891" x2="2930" y2="25586"/>
                            <a14:backgroundMark x1="2930" y1="25586" x2="94727" y2="25391"/>
                            <a14:backgroundMark x1="94727" y1="25391" x2="22852" y2="6445"/>
                            <a14:backgroundMark x1="22852" y1="6445" x2="96680" y2="6836"/>
                            <a14:backgroundMark x1="96680" y1="6836" x2="20508" y2="11719"/>
                            <a14:backgroundMark x1="20508" y1="11719" x2="91211" y2="31055"/>
                            <a14:backgroundMark x1="91211" y1="31055" x2="70313" y2="38867"/>
                            <a14:backgroundMark x1="36901" y1="37736" x2="44141" y2="37109"/>
                            <a14:backgroundMark x1="27411" y1="36229" x2="13477" y2="33984"/>
                            <a14:backgroundMark x1="34626" y1="37391" x2="34130" y2="37311"/>
                            <a14:backgroundMark x1="48633" y1="39648" x2="36917" y2="37760"/>
                            <a14:backgroundMark x1="39844" y1="47852" x2="39844" y2="47852"/>
                            <a14:backgroundMark x1="39063" y1="44531" x2="57813" y2="46680"/>
                            <a14:backgroundMark x1="53906" y1="45313" x2="60203" y2="46983"/>
                            <a14:backgroundMark x1="54657" y1="48856" x2="55469" y2="47070"/>
                            <a14:backgroundMark x1="51973" y1="49762" x2="44141" y2="41797"/>
                            <a14:backgroundMark x1="44336" y1="41016" x2="41211" y2="47461"/>
                            <a14:backgroundMark x1="45117" y1="35742" x2="45705" y2="48563"/>
                            <a14:backgroundMark x1="50391" y1="43555" x2="48242" y2="48047"/>
                            <a14:backgroundMark x1="48633" y1="47852" x2="51953" y2="49609"/>
                            <a14:backgroundMark x1="51953" y1="49609" x2="51583" y2="49894"/>
                          </a14:backgroundRemoval>
                        </a14:imgEffect>
                      </a14:imgLayer>
                    </a14:imgProps>
                  </a:ext>
                  <a:ext uri="{28A0092B-C50C-407E-A947-70E740481C1C}">
                    <a14:useLocalDpi xmlns:a14="http://schemas.microsoft.com/office/drawing/2010/main" val="0"/>
                  </a:ext>
                </a:extLst>
              </a:blip>
              <a:srcRect t="42792" b="-1"/>
              <a:stretch>
                <a:fillRect/>
              </a:stretch>
            </p:blipFill>
            <p:spPr>
              <a:xfrm>
                <a:off x="7749287" y="1714251"/>
                <a:ext cx="671585" cy="384207"/>
              </a:xfrm>
              <a:prstGeom prst="rect">
                <a:avLst/>
              </a:prstGeom>
              <a:solidFill>
                <a:srgbClr val="102B48"/>
              </a:solidFill>
            </p:spPr>
          </p:pic>
          <p:sp>
            <p:nvSpPr>
              <p:cNvPr id="113" name="Rektangel 112">
                <a:extLst>
                  <a:ext uri="{FF2B5EF4-FFF2-40B4-BE49-F238E27FC236}">
                    <a16:creationId xmlns:a16="http://schemas.microsoft.com/office/drawing/2014/main" id="{0C0A055E-22C4-ADA4-98D7-3208D885F0A2}"/>
                  </a:ext>
                </a:extLst>
              </p:cNvPr>
              <p:cNvSpPr/>
              <p:nvPr/>
            </p:nvSpPr>
            <p:spPr bwMode="auto">
              <a:xfrm>
                <a:off x="7983538" y="1714250"/>
                <a:ext cx="193675" cy="51049"/>
              </a:xfrm>
              <a:prstGeom prst="rect">
                <a:avLst/>
              </a:prstGeom>
              <a:solidFill>
                <a:srgbClr val="0A1449"/>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grpSp>
      <p:pic>
        <p:nvPicPr>
          <p:cNvPr id="121" name="Billede 120" descr="Et billede, der indeholder sort, mørke&#10;&#10;AI-genereret indhold kan være ukorrekt.">
            <a:extLst>
              <a:ext uri="{FF2B5EF4-FFF2-40B4-BE49-F238E27FC236}">
                <a16:creationId xmlns:a16="http://schemas.microsoft.com/office/drawing/2014/main" id="{05B9D83A-7876-28A1-0B2F-8449DBE5B0BC}"/>
              </a:ext>
            </a:extLst>
          </p:cNvPr>
          <p:cNvPicPr>
            <a:picLocks noChangeAspect="1"/>
          </p:cNvPicPr>
          <p:nvPr/>
        </p:nvPicPr>
        <p:blipFill>
          <a:blip r:embed="rId8" cstate="print">
            <a:lum bright="70000" contrast="-70000"/>
            <a:extLst>
              <a:ext uri="{28A0092B-C50C-407E-A947-70E740481C1C}">
                <a14:useLocalDpi xmlns:a14="http://schemas.microsoft.com/office/drawing/2010/main" val="0"/>
              </a:ext>
            </a:extLst>
          </a:blip>
          <a:stretch>
            <a:fillRect/>
          </a:stretch>
        </p:blipFill>
        <p:spPr>
          <a:xfrm>
            <a:off x="9518921" y="5277982"/>
            <a:ext cx="710317" cy="710317"/>
          </a:xfrm>
          <a:prstGeom prst="rect">
            <a:avLst/>
          </a:prstGeom>
        </p:spPr>
      </p:pic>
      <p:pic>
        <p:nvPicPr>
          <p:cNvPr id="123" name="Billede 122" descr="Et billede, der indeholder sort, mørke&#10;&#10;AI-genereret indhold kan være ukorrekt.">
            <a:extLst>
              <a:ext uri="{FF2B5EF4-FFF2-40B4-BE49-F238E27FC236}">
                <a16:creationId xmlns:a16="http://schemas.microsoft.com/office/drawing/2014/main" id="{943CB02C-6F1D-C59C-1013-F63855EFB138}"/>
              </a:ext>
            </a:extLst>
          </p:cNvPr>
          <p:cNvPicPr>
            <a:picLocks noChangeAspect="1"/>
          </p:cNvPicPr>
          <p:nvPr/>
        </p:nvPicPr>
        <p:blipFill>
          <a:blip r:embed="rId9" cstate="print">
            <a:lum bright="70000" contrast="-70000"/>
            <a:extLst>
              <a:ext uri="{28A0092B-C50C-407E-A947-70E740481C1C}">
                <a14:useLocalDpi xmlns:a14="http://schemas.microsoft.com/office/drawing/2010/main" val="0"/>
              </a:ext>
            </a:extLst>
          </a:blip>
          <a:stretch>
            <a:fillRect/>
          </a:stretch>
        </p:blipFill>
        <p:spPr>
          <a:xfrm>
            <a:off x="7270332" y="4161898"/>
            <a:ext cx="715184" cy="715184"/>
          </a:xfrm>
          <a:prstGeom prst="rect">
            <a:avLst/>
          </a:prstGeom>
        </p:spPr>
      </p:pic>
      <p:sp>
        <p:nvSpPr>
          <p:cNvPr id="131" name="Tekstfelt 130">
            <a:extLst>
              <a:ext uri="{FF2B5EF4-FFF2-40B4-BE49-F238E27FC236}">
                <a16:creationId xmlns:a16="http://schemas.microsoft.com/office/drawing/2014/main" id="{36EB6EBF-7590-9694-9F54-39E6E4415672}"/>
              </a:ext>
            </a:extLst>
          </p:cNvPr>
          <p:cNvSpPr txBox="1"/>
          <p:nvPr/>
        </p:nvSpPr>
        <p:spPr>
          <a:xfrm>
            <a:off x="10552934" y="5218661"/>
            <a:ext cx="1093094"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02B48"/>
                </a:solidFill>
                <a:effectLst/>
                <a:uLnTx/>
                <a:uFillTx/>
                <a:latin typeface="AU Passata" pitchFamily="34" charset="0"/>
                <a:ea typeface="+mn-ea"/>
                <a:cs typeface="+mn-cs"/>
              </a:rPr>
              <a:t>Følg op kontinuerligt </a:t>
            </a:r>
          </a:p>
        </p:txBody>
      </p:sp>
      <p:sp>
        <p:nvSpPr>
          <p:cNvPr id="3" name="Pladsholder til dato 2">
            <a:extLst>
              <a:ext uri="{FF2B5EF4-FFF2-40B4-BE49-F238E27FC236}">
                <a16:creationId xmlns:a16="http://schemas.microsoft.com/office/drawing/2014/main" id="{7B69A967-493F-8BC9-48C2-F0DAC613283D}"/>
              </a:ext>
            </a:extLst>
          </p:cNvPr>
          <p:cNvSpPr>
            <a:spLocks noGrp="1"/>
          </p:cNvSpPr>
          <p:nvPr>
            <p:ph type="dt" sz="half" idx="10"/>
          </p:nvPr>
        </p:nvSpPr>
        <p:spPr/>
        <p:txBody>
          <a:bodyP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fld id="{A006BD97-DEE8-456D-AEF7-606564DC1308}"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18-08-2024</a:t>
            </a:r>
          </a:p>
        </p:txBody>
      </p:sp>
      <p:sp>
        <p:nvSpPr>
          <p:cNvPr id="4" name="Pladsholder til slidenummer 3">
            <a:extLst>
              <a:ext uri="{FF2B5EF4-FFF2-40B4-BE49-F238E27FC236}">
                <a16:creationId xmlns:a16="http://schemas.microsoft.com/office/drawing/2014/main" id="{EF84FF01-A190-1968-EB1A-3603C25F2DAA}"/>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4</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pic>
        <p:nvPicPr>
          <p:cNvPr id="9" name="Au logo">
            <a:extLst>
              <a:ext uri="{FF2B5EF4-FFF2-40B4-BE49-F238E27FC236}">
                <a16:creationId xmlns:a16="http://schemas.microsoft.com/office/drawing/2014/main" id="{EC47BB50-60D0-C20E-83CB-E4808C1E392B}"/>
              </a:ext>
            </a:extLst>
          </p:cNvPr>
          <p:cNvPicPr>
            <a:picLocks noChangeAspect="1"/>
          </p:cNvPicPr>
          <p:nvPr/>
        </p:nvPicPr>
        <p:blipFill>
          <a:blip r:embed="rId10" cstate="print">
            <a:extLst>
              <a:ext uri="{28A0092B-C50C-407E-A947-70E740481C1C}">
                <a14:useLocalDpi xmlns:a14="http://schemas.microsoft.com/office/drawing/2010/main" val="0"/>
              </a:ext>
            </a:extLst>
          </a:blip>
          <a:stretch>
            <a:fillRect/>
          </a:stretch>
        </p:blipFill>
        <p:spPr>
          <a:xfrm>
            <a:off x="302400" y="5999002"/>
            <a:ext cx="557570" cy="558000"/>
          </a:xfrm>
          <a:prstGeom prst="rect">
            <a:avLst/>
          </a:prstGeom>
        </p:spPr>
      </p:pic>
      <p:sp>
        <p:nvSpPr>
          <p:cNvPr id="13" name="Rektangel 12">
            <a:extLst>
              <a:ext uri="{FF2B5EF4-FFF2-40B4-BE49-F238E27FC236}">
                <a16:creationId xmlns:a16="http://schemas.microsoft.com/office/drawing/2014/main" id="{34A6C27F-5A09-1250-0DCC-B32C2A254143}"/>
              </a:ext>
            </a:extLst>
          </p:cNvPr>
          <p:cNvSpPr/>
          <p:nvPr/>
        </p:nvSpPr>
        <p:spPr bwMode="auto">
          <a:xfrm>
            <a:off x="859970" y="6196263"/>
            <a:ext cx="1143907" cy="539122"/>
          </a:xfrm>
          <a:prstGeom prst="rect">
            <a:avLst/>
          </a:prstGeom>
          <a:solidFill>
            <a:schemeClr val="bg1"/>
          </a:solidFill>
          <a:ln w="1778" cap="flat" cmpd="sng" algn="ctr">
            <a:solidFill>
              <a:schemeClr val="bg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sp>
        <p:nvSpPr>
          <p:cNvPr id="5" name="Rektangel 4">
            <a:extLst>
              <a:ext uri="{FF2B5EF4-FFF2-40B4-BE49-F238E27FC236}">
                <a16:creationId xmlns:a16="http://schemas.microsoft.com/office/drawing/2014/main" id="{A4BD2729-B3C3-9763-AA71-B048BCC1DDFB}"/>
              </a:ext>
            </a:extLst>
          </p:cNvPr>
          <p:cNvSpPr/>
          <p:nvPr/>
        </p:nvSpPr>
        <p:spPr bwMode="auto">
          <a:xfrm>
            <a:off x="447280" y="1644209"/>
            <a:ext cx="5200008" cy="3923983"/>
          </a:xfrm>
          <a:prstGeom prst="rect">
            <a:avLst/>
          </a:prstGeom>
          <a:no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dirty="0">
                <a:ln>
                  <a:noFill/>
                </a:ln>
                <a:solidFill>
                  <a:srgbClr val="000000"/>
                </a:solidFill>
                <a:effectLst/>
                <a:uLnTx/>
                <a:uFillTx/>
                <a:latin typeface="AU Passata"/>
                <a:ea typeface="+mn-ea"/>
                <a:cs typeface="+mn-cs"/>
              </a:rPr>
              <a:t>Hvad er en strategisk retning?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0" i="0" u="none" strike="noStrike" kern="1200" cap="none" spc="0" normalizeH="0" baseline="0" noProof="0" dirty="0">
                <a:ln>
                  <a:noFill/>
                </a:ln>
                <a:solidFill>
                  <a:srgbClr val="000000"/>
                </a:solidFill>
                <a:effectLst/>
                <a:uLnTx/>
                <a:uFillTx/>
                <a:latin typeface="AU Passata"/>
                <a:ea typeface="+mn-ea"/>
                <a:cs typeface="+mn-cs"/>
              </a:rPr>
              <a:t>En strategisk retning handler om at udvælge de vigtigste områder, man vil prioritere og udvikle de kommende år.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0" i="0" u="none" strike="noStrike" kern="1200" cap="none" spc="0" normalizeH="0" baseline="0" noProof="0" dirty="0">
                <a:ln>
                  <a:noFill/>
                </a:ln>
                <a:solidFill>
                  <a:srgbClr val="000000"/>
                </a:solidFill>
                <a:effectLst/>
                <a:uLnTx/>
                <a:uFillTx/>
                <a:latin typeface="AU Passata"/>
                <a:ea typeface="+mn-ea"/>
                <a:cs typeface="+mn-cs"/>
              </a:rPr>
              <a:t>En strategisk retning beskriver ikke alt, hvad I arbejder med, men peger på de få, væsentlige prioriteringer, der skal guide beslutninger og handlinger i hverdagen. En typisk faldgrube er at ende med en bred opgaveoversigt frem for tydelige valg og retning.</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300" b="1"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dirty="0">
                <a:ln>
                  <a:noFill/>
                </a:ln>
                <a:solidFill>
                  <a:srgbClr val="000000"/>
                </a:solidFill>
                <a:effectLst/>
                <a:uLnTx/>
                <a:uFillTx/>
                <a:latin typeface="AU Passata"/>
                <a:ea typeface="+mn-ea"/>
                <a:cs typeface="+mn-cs"/>
              </a:rPr>
              <a:t>Før I starter - afklar udgangspunktet </a:t>
            </a:r>
          </a:p>
          <a:p>
            <a:pPr marL="342900" marR="0" lvl="0" indent="-34290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300" b="1" i="0" u="none" strike="noStrike" kern="1200" cap="none" spc="0" normalizeH="0" baseline="0" noProof="0" dirty="0">
                <a:ln>
                  <a:noFill/>
                </a:ln>
                <a:solidFill>
                  <a:srgbClr val="000000"/>
                </a:solidFill>
                <a:effectLst/>
                <a:uLnTx/>
                <a:uFillTx/>
                <a:latin typeface="AU Passata"/>
                <a:ea typeface="+mn-ea"/>
                <a:cs typeface="+mn-cs"/>
              </a:rPr>
              <a:t>Afgræns rammen: </a:t>
            </a:r>
            <a:r>
              <a:rPr kumimoji="0" lang="da-DK" sz="1300" b="0" i="0" u="none" strike="noStrike" kern="1200" cap="none" spc="0" normalizeH="0" baseline="0" noProof="0" dirty="0">
                <a:ln>
                  <a:noFill/>
                </a:ln>
                <a:solidFill>
                  <a:srgbClr val="000000"/>
                </a:solidFill>
                <a:effectLst/>
                <a:uLnTx/>
                <a:uFillTx/>
                <a:latin typeface="AU Passata"/>
                <a:ea typeface="+mn-ea"/>
                <a:cs typeface="+mn-cs"/>
              </a:rPr>
              <a:t>Hvad skal den strategiske retning omfatte? Hele fakultetet, et helt institut, en forskningsgruppe – eller et særligt tema? </a:t>
            </a:r>
          </a:p>
          <a:p>
            <a:pPr marL="342900" marR="0" lvl="0" indent="-34290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300" b="1" i="0" u="none" strike="noStrike" kern="1200" cap="none" spc="0" normalizeH="0" baseline="0" noProof="0" dirty="0">
                <a:ln>
                  <a:noFill/>
                </a:ln>
                <a:solidFill>
                  <a:srgbClr val="000000"/>
                </a:solidFill>
                <a:effectLst/>
                <a:uLnTx/>
                <a:uFillTx/>
                <a:latin typeface="AU Passata"/>
                <a:ea typeface="+mn-ea"/>
                <a:cs typeface="+mn-cs"/>
              </a:rPr>
              <a:t>Afklar formålet: </a:t>
            </a:r>
            <a:r>
              <a:rPr kumimoji="0" lang="da-DK" sz="1300" b="0" i="0" u="none" strike="noStrike" kern="1200" cap="none" spc="0" normalizeH="0" baseline="0" noProof="0" dirty="0">
                <a:ln>
                  <a:noFill/>
                </a:ln>
                <a:solidFill>
                  <a:srgbClr val="000000"/>
                </a:solidFill>
                <a:effectLst/>
                <a:uLnTx/>
                <a:uFillTx/>
                <a:latin typeface="AU Passata"/>
                <a:ea typeface="+mn-ea"/>
                <a:cs typeface="+mn-cs"/>
              </a:rPr>
              <a:t>Hvorfor vil I arbejde med strategisk retning nu, og hvilken forskel skal den gøre? Hvilke muligheder eller udfordringer skal den hjælpe med at adressere? </a:t>
            </a:r>
          </a:p>
          <a:p>
            <a:pPr marL="342900" marR="0" lvl="0" indent="-34290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300" b="1" i="0" u="none" strike="noStrike" kern="1200" cap="none" spc="0" normalizeH="0" baseline="0" noProof="0" dirty="0">
                <a:ln>
                  <a:noFill/>
                </a:ln>
                <a:solidFill>
                  <a:srgbClr val="000000"/>
                </a:solidFill>
                <a:effectLst/>
                <a:uLnTx/>
                <a:uFillTx/>
                <a:latin typeface="AU Passata"/>
                <a:ea typeface="+mn-ea"/>
                <a:cs typeface="+mn-cs"/>
              </a:rPr>
              <a:t>Vurder timing</a:t>
            </a:r>
            <a:r>
              <a:rPr kumimoji="0" lang="da-DK" sz="1300" b="0" i="0" u="none" strike="noStrike" kern="1200" cap="none" spc="0" normalizeH="0" baseline="0" noProof="0" dirty="0">
                <a:ln>
                  <a:noFill/>
                </a:ln>
                <a:solidFill>
                  <a:srgbClr val="000000"/>
                </a:solidFill>
                <a:effectLst/>
                <a:uLnTx/>
                <a:uFillTx/>
                <a:latin typeface="AU Passata"/>
                <a:ea typeface="+mn-ea"/>
                <a:cs typeface="+mn-cs"/>
              </a:rPr>
              <a:t>: Er der et reelt behov for strategisk retning nu – eller bør visse opgaver, processer eller ressourcer være på plads først? </a:t>
            </a:r>
          </a:p>
          <a:p>
            <a:pPr marL="342900" marR="0" lvl="0" indent="-34290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300" b="1" i="0" u="none" strike="noStrike" kern="1200" cap="none" spc="0" normalizeH="0" baseline="0" noProof="0" dirty="0">
                <a:ln>
                  <a:noFill/>
                </a:ln>
                <a:solidFill>
                  <a:srgbClr val="000000"/>
                </a:solidFill>
                <a:effectLst/>
                <a:uLnTx/>
                <a:uFillTx/>
                <a:latin typeface="AU Passata"/>
                <a:ea typeface="+mn-ea"/>
                <a:cs typeface="+mn-cs"/>
              </a:rPr>
              <a:t>Fastlæg, hvem der skal være med</a:t>
            </a:r>
            <a:r>
              <a:rPr kumimoji="0" lang="da-DK" sz="1300" b="0" i="0" u="none" strike="noStrike" kern="1200" cap="none" spc="0" normalizeH="0" baseline="0" noProof="0" dirty="0">
                <a:ln>
                  <a:noFill/>
                </a:ln>
                <a:solidFill>
                  <a:srgbClr val="000000"/>
                </a:solidFill>
                <a:effectLst/>
                <a:uLnTx/>
                <a:uFillTx/>
                <a:latin typeface="AU Passata"/>
                <a:ea typeface="+mn-ea"/>
                <a:cs typeface="+mn-cs"/>
              </a:rPr>
              <a:t>: Hvem skal bidrage og have ansvar for, at strategien realiseres? De personer, grupper mv. bør inddrages fra begyndelse, så den strategiske retning forankres der, hvor den skal leve.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0" i="0" u="none" strike="noStrike" kern="1200" cap="none" spc="0" normalizeH="0" baseline="0" noProof="0" dirty="0">
                <a:ln>
                  <a:noFill/>
                </a:ln>
                <a:solidFill>
                  <a:srgbClr val="000000"/>
                </a:solidFill>
                <a:effectLst/>
                <a:uLnTx/>
                <a:uFillTx/>
                <a:latin typeface="AU Passata"/>
                <a:ea typeface="+mn-ea"/>
                <a:cs typeface="+mn-cs"/>
              </a:rPr>
              <a:t>Når dette er afklaret, er I klar til at begynde strategiarbejdet. </a:t>
            </a:r>
            <a:endParaRPr kumimoji="0" lang="en-GB" sz="1300" b="0" i="0" u="none" strike="noStrike" kern="1200" cap="none" spc="0" normalizeH="0" baseline="0" noProof="0" dirty="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130479036"/>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EF36E8-B294-F43A-FCEB-1AE2A4800C6C}"/>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BAAE537E-C559-3832-F600-DAC13D7FA060}"/>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C5EF893C-90BF-45C3-BD6C-5BF2133DE426}"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pic>
        <p:nvPicPr>
          <p:cNvPr id="6" name="Billede 5" descr="Et billede, der indeholder tekst, diagram, tegning, Font/skrifttype&#10;&#10;Automatisk genereret beskrivelse">
            <a:extLst>
              <a:ext uri="{FF2B5EF4-FFF2-40B4-BE49-F238E27FC236}">
                <a16:creationId xmlns:a16="http://schemas.microsoft.com/office/drawing/2014/main" id="{B8E8D86F-12B8-F378-87B7-4C022E44664C}"/>
              </a:ext>
            </a:extLst>
          </p:cNvPr>
          <p:cNvPicPr>
            <a:picLocks noChangeAspect="1"/>
          </p:cNvPicPr>
          <p:nvPr/>
        </p:nvPicPr>
        <p:blipFill>
          <a:blip r:embed="rId3" cstate="print">
            <a:extLst>
              <a:ext uri="{28A0092B-C50C-407E-A947-70E740481C1C}">
                <a14:useLocalDpi xmlns:a14="http://schemas.microsoft.com/office/drawing/2010/main" val="0"/>
              </a:ext>
            </a:extLst>
          </a:blip>
          <a:srcRect b="19334"/>
          <a:stretch/>
        </p:blipFill>
        <p:spPr>
          <a:xfrm>
            <a:off x="6181724" y="1540519"/>
            <a:ext cx="5734052" cy="4050514"/>
          </a:xfrm>
          <a:prstGeom prst="rect">
            <a:avLst/>
          </a:prstGeom>
        </p:spPr>
      </p:pic>
      <p:sp>
        <p:nvSpPr>
          <p:cNvPr id="5" name="Tekstfelt 4">
            <a:extLst>
              <a:ext uri="{FF2B5EF4-FFF2-40B4-BE49-F238E27FC236}">
                <a16:creationId xmlns:a16="http://schemas.microsoft.com/office/drawing/2014/main" id="{5CB00DCC-7B96-B5F4-A9B8-48CE1237EFC1}"/>
              </a:ext>
            </a:extLst>
          </p:cNvPr>
          <p:cNvSpPr txBox="1"/>
          <p:nvPr/>
        </p:nvSpPr>
        <p:spPr>
          <a:xfrm>
            <a:off x="10218301" y="5503385"/>
            <a:ext cx="1948299" cy="175295"/>
          </a:xfrm>
          <a:prstGeom prst="rect">
            <a:avLst/>
          </a:prstGeom>
          <a:noFill/>
        </p:spPr>
        <p:txBody>
          <a:bodyPr wrap="square" lIns="0" tIns="0" rIns="0" bIns="0" rtlCol="0">
            <a:spAutoFit/>
          </a:bodyPr>
          <a:lstStyle/>
          <a:p>
            <a:pPr marL="0" marR="0" lvl="0" indent="0" algn="l" defTabSz="914126" rtl="0" eaLnBrk="1" fontAlgn="base" latinLnBrk="0" hangingPunct="1">
              <a:lnSpc>
                <a:spcPct val="95000"/>
              </a:lnSpc>
              <a:spcBef>
                <a:spcPct val="0"/>
              </a:spcBef>
              <a:spcAft>
                <a:spcPct val="0"/>
              </a:spcAft>
              <a:buClrTx/>
              <a:buSzTx/>
              <a:buFont typeface="AU Passata" pitchFamily="34" charset="0"/>
              <a:buNone/>
              <a:tabLst/>
              <a:defRPr/>
            </a:pPr>
            <a:r>
              <a:rPr kumimoji="0" lang="da-DK" sz="1200" b="0" i="0" u="none" strike="noStrike" kern="1200" cap="none" spc="0" normalizeH="0" baseline="0" noProof="0">
                <a:ln>
                  <a:noFill/>
                </a:ln>
                <a:solidFill>
                  <a:srgbClr val="000000"/>
                </a:solidFill>
                <a:effectLst/>
                <a:uLnTx/>
                <a:uFillTx/>
                <a:latin typeface="AU Passata" pitchFamily="34" charset="0"/>
                <a:ea typeface="+mn-ea"/>
                <a:cs typeface="+mn-cs"/>
              </a:rPr>
              <a:t>Trillingsgaard 2024</a:t>
            </a:r>
          </a:p>
        </p:txBody>
      </p:sp>
      <p:sp>
        <p:nvSpPr>
          <p:cNvPr id="8" name="object 5">
            <a:extLst>
              <a:ext uri="{FF2B5EF4-FFF2-40B4-BE49-F238E27FC236}">
                <a16:creationId xmlns:a16="http://schemas.microsoft.com/office/drawing/2014/main" id="{6A951130-7C8D-E088-FCED-FBA9A7BFAA7D}"/>
              </a:ext>
            </a:extLst>
          </p:cNvPr>
          <p:cNvSpPr txBox="1">
            <a:spLocks/>
          </p:cNvSpPr>
          <p:nvPr/>
        </p:nvSpPr>
        <p:spPr bwMode="auto">
          <a:xfrm>
            <a:off x="477788" y="695460"/>
            <a:ext cx="11982618"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A64443"/>
                </a:solidFill>
                <a:effectLst/>
                <a:uLnTx/>
                <a:uFillTx/>
                <a:latin typeface="AU Passata Light"/>
                <a:ea typeface="+mj-ea"/>
                <a:cs typeface="+mj-cs"/>
              </a:rPr>
              <a:t>Teoretisk afsæt </a:t>
            </a:r>
            <a:r>
              <a:rPr kumimoji="0" lang="da-DK" sz="3200" b="0" i="0" u="none" strike="noStrike" kern="0" cap="none" spc="-50" normalizeH="0" baseline="0" noProof="0">
                <a:ln>
                  <a:noFill/>
                </a:ln>
                <a:solidFill>
                  <a:srgbClr val="A64443"/>
                </a:solidFill>
                <a:effectLst/>
                <a:uLnTx/>
                <a:uFillTx/>
                <a:latin typeface="AU Passata Light"/>
                <a:ea typeface="+mj-ea"/>
                <a:cs typeface="+mj-cs"/>
              </a:rPr>
              <a:t>– organisatorisk bevægelse og mobilisering</a:t>
            </a:r>
          </a:p>
        </p:txBody>
      </p:sp>
      <p:sp>
        <p:nvSpPr>
          <p:cNvPr id="13" name="Tekstfelt 12">
            <a:extLst>
              <a:ext uri="{FF2B5EF4-FFF2-40B4-BE49-F238E27FC236}">
                <a16:creationId xmlns:a16="http://schemas.microsoft.com/office/drawing/2014/main" id="{141B10A1-6F27-B37A-4C5E-BCC61E8B6AFD}"/>
              </a:ext>
            </a:extLst>
          </p:cNvPr>
          <p:cNvSpPr txBox="1"/>
          <p:nvPr/>
        </p:nvSpPr>
        <p:spPr>
          <a:xfrm>
            <a:off x="517391" y="1540519"/>
            <a:ext cx="5413509" cy="4431983"/>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600" b="0" i="0" u="none" strike="noStrike" kern="1200" cap="none" spc="0" normalizeH="0" baseline="0" noProof="0" dirty="0">
                <a:ln>
                  <a:noFill/>
                </a:ln>
                <a:solidFill>
                  <a:srgbClr val="000000"/>
                </a:solidFill>
                <a:effectLst/>
                <a:uLnTx/>
                <a:uFillTx/>
                <a:latin typeface="AU Passata" pitchFamily="34" charset="0"/>
                <a:ea typeface="+mn-ea"/>
                <a:cs typeface="+mn-cs"/>
              </a:rPr>
              <a:t>Værktøjskassen bygger på metoden til strategirealisering beskrevet i </a:t>
            </a:r>
            <a:r>
              <a:rPr kumimoji="0" lang="da-DK" sz="1600" b="0" i="1" u="none" strike="noStrike" kern="1200" cap="none" spc="0" normalizeH="0" baseline="0" noProof="0" dirty="0">
                <a:ln>
                  <a:noFill/>
                </a:ln>
                <a:solidFill>
                  <a:srgbClr val="000000"/>
                </a:solidFill>
                <a:effectLst/>
                <a:uLnTx/>
                <a:uFillTx/>
                <a:latin typeface="AU Passata" pitchFamily="34" charset="0"/>
                <a:ea typeface="+mn-ea"/>
                <a:cs typeface="+mn-cs"/>
              </a:rPr>
              <a:t>“Meget mere ledelse med de samme kræfter” </a:t>
            </a:r>
            <a:r>
              <a:rPr kumimoji="0" lang="da-DK" sz="1600" b="0" i="0" u="none" strike="noStrike" kern="1200" cap="none" spc="0" normalizeH="0" baseline="0" noProof="0" dirty="0">
                <a:ln>
                  <a:noFill/>
                </a:ln>
                <a:solidFill>
                  <a:srgbClr val="000000"/>
                </a:solidFill>
                <a:effectLst/>
                <a:uLnTx/>
                <a:uFillTx/>
                <a:latin typeface="AU Passata" pitchFamily="34" charset="0"/>
                <a:ea typeface="+mn-ea"/>
                <a:cs typeface="+mn-cs"/>
              </a:rPr>
              <a:t>af Anders Trillingsgaard.</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600" b="0" i="0" u="none" strike="noStrike" kern="1200" cap="none" spc="0" normalizeH="0" baseline="0" noProof="0" dirty="0">
                <a:ln>
                  <a:noFill/>
                </a:ln>
                <a:solidFill>
                  <a:srgbClr val="000000"/>
                </a:solidFill>
                <a:effectLst/>
                <a:uLnTx/>
                <a:uFillTx/>
                <a:latin typeface="AU Passata" pitchFamily="34" charset="0"/>
                <a:ea typeface="+mn-ea"/>
                <a:cs typeface="+mn-cs"/>
              </a:rPr>
            </a:br>
            <a:r>
              <a:rPr kumimoji="0" lang="da-DK" sz="1600" b="0" i="0" u="none" strike="noStrike" kern="1200" cap="none" spc="0" normalizeH="0" baseline="0" noProof="0" dirty="0">
                <a:ln>
                  <a:noFill/>
                </a:ln>
                <a:solidFill>
                  <a:srgbClr val="000000"/>
                </a:solidFill>
                <a:effectLst/>
                <a:uLnTx/>
                <a:uFillTx/>
                <a:latin typeface="AU Passata" pitchFamily="34" charset="0"/>
                <a:ea typeface="+mn-ea"/>
                <a:cs typeface="+mn-cs"/>
              </a:rPr>
              <a:t>Metoden ser strategi som en løbende bevægelse mod en ønsket fremtid – hvor retningen er tydelig, men vejen formes undervej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600" b="0" i="0" u="none" strike="noStrike" kern="1200" cap="none" spc="0" normalizeH="0" baseline="0" noProof="0" dirty="0">
                <a:ln>
                  <a:noFill/>
                </a:ln>
                <a:solidFill>
                  <a:srgbClr val="000000"/>
                </a:solidFill>
                <a:effectLst/>
                <a:uLnTx/>
                <a:uFillTx/>
                <a:latin typeface="AU Passata" pitchFamily="34" charset="0"/>
                <a:ea typeface="+mn-ea"/>
                <a:cs typeface="+mn-cs"/>
              </a:rPr>
              <a:t>Strategiarbejdet kan foregå flere steder i organisationen, det vil sige at strategiarbejdet kan have mange centre. Hvert område kan formulere sin egen strategiske intention, der giver mening lokalt og samtidig bidrager til realiseringen af den fælles strategi.</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600" b="1" i="0" u="none" strike="noStrike" kern="1200" cap="none" spc="0" normalizeH="0" baseline="0" noProof="0" dirty="0">
                <a:ln>
                  <a:noFill/>
                </a:ln>
                <a:solidFill>
                  <a:srgbClr val="000000"/>
                </a:solidFill>
                <a:effectLst/>
                <a:uLnTx/>
                <a:uFillTx/>
                <a:latin typeface="AU Passata" pitchFamily="34" charset="0"/>
                <a:ea typeface="+mn-ea"/>
                <a:cs typeface="+mn-cs"/>
              </a:rPr>
              <a:t>I det følgende præsenteres Aarhus Universitets fortolkning af modellen og forslag til, hvordan man kan arbejde med den i praksis.</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dirty="0">
              <a:ln>
                <a:noFill/>
              </a:ln>
              <a:solidFill>
                <a:srgbClr val="000000"/>
              </a:solidFill>
              <a:effectLst/>
              <a:uLnTx/>
              <a:uFillTx/>
              <a:latin typeface="AU Passata" pitchFamily="34" charset="0"/>
              <a:ea typeface="+mn-ea"/>
              <a:cs typeface="+mn-cs"/>
            </a:endParaRPr>
          </a:p>
        </p:txBody>
      </p:sp>
      <p:sp>
        <p:nvSpPr>
          <p:cNvPr id="2" name="Pladsholder til slidenummer 1">
            <a:extLst>
              <a:ext uri="{FF2B5EF4-FFF2-40B4-BE49-F238E27FC236}">
                <a16:creationId xmlns:a16="http://schemas.microsoft.com/office/drawing/2014/main" id="{D630FD2B-FA22-0521-230E-8C2D4D8E5EF4}"/>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5</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115810979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bg>
      <p:bgPr>
        <a:solidFill>
          <a:srgbClr val="102B48"/>
        </a:solidFill>
        <a:effectLst/>
      </p:bgPr>
    </p:bg>
    <p:spTree>
      <p:nvGrpSpPr>
        <p:cNvPr id="1" name="">
          <a:extLst>
            <a:ext uri="{FF2B5EF4-FFF2-40B4-BE49-F238E27FC236}">
              <a16:creationId xmlns:a16="http://schemas.microsoft.com/office/drawing/2014/main" id="{CA0BB3D3-0947-7FF0-077D-0FCD16173EB8}"/>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BABD88B0-2DA3-16B0-2622-C49054AB71B0}"/>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8911D516-32B1-4D58-9053-44E0D30D2294}"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F03189C0-7B32-ADBE-DD81-7DF6E4D73EE4}"/>
              </a:ext>
            </a:extLst>
          </p:cNvPr>
          <p:cNvSpPr txBox="1">
            <a:spLocks/>
          </p:cNvSpPr>
          <p:nvPr/>
        </p:nvSpPr>
        <p:spPr bwMode="auto">
          <a:xfrm>
            <a:off x="477788" y="695460"/>
            <a:ext cx="6874150"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FFFFFF"/>
                </a:solidFill>
                <a:effectLst/>
                <a:uLnTx/>
                <a:uFillTx/>
                <a:latin typeface="AU Passata Light"/>
                <a:ea typeface="+mj-ea"/>
                <a:cs typeface="+mj-cs"/>
              </a:rPr>
              <a:t>Fælles situationsbillede </a:t>
            </a:r>
          </a:p>
        </p:txBody>
      </p:sp>
      <p:sp>
        <p:nvSpPr>
          <p:cNvPr id="13" name="Tekstfelt 12">
            <a:extLst>
              <a:ext uri="{FF2B5EF4-FFF2-40B4-BE49-F238E27FC236}">
                <a16:creationId xmlns:a16="http://schemas.microsoft.com/office/drawing/2014/main" id="{9FB0A256-F866-8C8C-D66F-27D0AE9E68C1}"/>
              </a:ext>
            </a:extLst>
          </p:cNvPr>
          <p:cNvSpPr txBox="1"/>
          <p:nvPr/>
        </p:nvSpPr>
        <p:spPr>
          <a:xfrm>
            <a:off x="517391" y="1540519"/>
            <a:ext cx="5577021" cy="4601260"/>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t>Hvad er det?</a:t>
            </a:r>
            <a:endPar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t>Et fælles situationsbillede er en delt forståelse af et områdes aktuelle situation – fx nøgletal, rammer, udfordringer og muligheder. Strategi 2030 vil også altid indgå som en del af situationsbilledet.</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br>
            <a: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t>Det udvikles i fællesskab gennem dialog og refleksion, så alle ser og forstår den samme virkelighed.</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br>
            <a: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t>Processen er lige så vigtig som resultatet og tilpasses niveauet – for et institut kan det bygge på data og evalueringer, for et team kan det bygge på samtaler om styrker og udfordringer.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br>
            <a: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t>Situationsbilledet er et øjebliksbillede, der danner grundlag for fælles samtaler om strategi og retning.</a:t>
            </a:r>
            <a:endParaRPr kumimoji="0" lang="en-GB"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300" b="1"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300" b="1"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t>Formålet er, at: </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t>sikre, at alle har samme forståelse af den aktuelle situation og handler ud fra et fælles grundlag.</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t>udvikle fælles perspektiver og kompetencer – når vi ser situationen på nye måder, åbner det for nye handlemuligheder.</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300" b="0" i="0" u="none" strike="noStrike" kern="1200" cap="none" spc="0" normalizeH="0" baseline="0" noProof="0" dirty="0">
                <a:ln>
                  <a:noFill/>
                </a:ln>
                <a:solidFill>
                  <a:srgbClr val="FFFFFF"/>
                </a:solidFill>
                <a:effectLst/>
                <a:uLnTx/>
                <a:uFillTx/>
                <a:latin typeface="AU Passata Light" panose="020B0303030902030804" pitchFamily="34" charset="0"/>
                <a:ea typeface="+mn-ea"/>
                <a:cs typeface="+mn-cs"/>
              </a:rPr>
              <a:t>skabe et fælles afsæt for den strategiske intention.</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300" b="0" i="0" u="none" strike="noStrike" kern="1200" cap="none" spc="0" normalizeH="0" baseline="0" noProof="0" dirty="0">
              <a:ln>
                <a:noFill/>
              </a:ln>
              <a:solidFill>
                <a:srgbClr val="000000"/>
              </a:solidFill>
              <a:effectLst/>
              <a:uLnTx/>
              <a:uFillTx/>
              <a:latin typeface="AU Passata Light" panose="020B0303030902030804" pitchFamily="34" charset="0"/>
              <a:ea typeface="+mn-ea"/>
              <a:cs typeface="+mn-cs"/>
            </a:endParaRPr>
          </a:p>
        </p:txBody>
      </p:sp>
      <p:sp>
        <p:nvSpPr>
          <p:cNvPr id="16" name="OFF_logo1Computed">
            <a:extLst>
              <a:ext uri="{FF2B5EF4-FFF2-40B4-BE49-F238E27FC236}">
                <a16:creationId xmlns:a16="http://schemas.microsoft.com/office/drawing/2014/main" id="{8A15FDDC-5C5E-440E-E509-218C3E7A55EF}"/>
              </a:ext>
            </a:extLst>
          </p:cNvPr>
          <p:cNvSpPr/>
          <p:nvPr/>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lvl="0" indent="0" algn="l" defTabSz="914126" rtl="0" eaLnBrk="1" fontAlgn="base" latinLnBrk="0" hangingPunct="1">
              <a:lnSpc>
                <a:spcPct val="90000"/>
              </a:lnSpc>
              <a:spcBef>
                <a:spcPct val="0"/>
              </a:spcBef>
              <a:spcAft>
                <a:spcPct val="0"/>
              </a:spcAft>
              <a:buClrTx/>
              <a:buSzTx/>
              <a:buFont typeface="AU Passata" pitchFamily="34" charset="0"/>
              <a:buNone/>
              <a:tabLst/>
              <a:defRPr/>
            </a:pPr>
            <a:r>
              <a:rPr kumimoji="0" lang="da-DK" sz="1000" b="0" i="0" u="none" strike="noStrike" kern="1200" cap="all" spc="0" normalizeH="0" baseline="0" noProof="1">
                <a:ln>
                  <a:noFill/>
                </a:ln>
                <a:solidFill>
                  <a:srgbClr val="FFFFFF"/>
                </a:solidFill>
                <a:effectLst/>
                <a:uLnTx/>
                <a:uFillTx/>
                <a:latin typeface="AU Passata" pitchFamily="34" charset="0"/>
                <a:ea typeface="+mn-ea"/>
                <a:cs typeface="+mn-cs"/>
              </a:rPr>
              <a:t>Aarhus
Universitet</a:t>
            </a:r>
          </a:p>
        </p:txBody>
      </p:sp>
      <p:pic>
        <p:nvPicPr>
          <p:cNvPr id="17" name="Au logo">
            <a:extLst>
              <a:ext uri="{FF2B5EF4-FFF2-40B4-BE49-F238E27FC236}">
                <a16:creationId xmlns:a16="http://schemas.microsoft.com/office/drawing/2014/main" id="{7D7EDCB1-B645-03FA-4E20-5D9929530863}"/>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a:noFill/>
        </p:spPr>
      </p:pic>
      <p:sp>
        <p:nvSpPr>
          <p:cNvPr id="95" name="Tekstfelt 94">
            <a:extLst>
              <a:ext uri="{FF2B5EF4-FFF2-40B4-BE49-F238E27FC236}">
                <a16:creationId xmlns:a16="http://schemas.microsoft.com/office/drawing/2014/main" id="{980A0123-BBBC-52F9-E71E-3102D7C5D684}"/>
              </a:ext>
            </a:extLst>
          </p:cNvPr>
          <p:cNvSpPr txBox="1"/>
          <p:nvPr/>
        </p:nvSpPr>
        <p:spPr>
          <a:xfrm>
            <a:off x="9327192" y="590797"/>
            <a:ext cx="1384993" cy="409343"/>
          </a:xfrm>
          <a:prstGeom prst="rect">
            <a:avLst/>
          </a:prstGeom>
          <a:solidFill>
            <a:srgbClr val="102B48"/>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a:ea typeface="+mn-ea"/>
                <a:cs typeface="+mn-cs"/>
              </a:rPr>
              <a:t>Skab et fælles situationsbillede </a:t>
            </a:r>
          </a:p>
        </p:txBody>
      </p:sp>
      <p:sp>
        <p:nvSpPr>
          <p:cNvPr id="96" name="Tekstfelt 95">
            <a:extLst>
              <a:ext uri="{FF2B5EF4-FFF2-40B4-BE49-F238E27FC236}">
                <a16:creationId xmlns:a16="http://schemas.microsoft.com/office/drawing/2014/main" id="{9796617A-30D7-1FC4-BC04-6FC0B35D5AB8}"/>
              </a:ext>
            </a:extLst>
          </p:cNvPr>
          <p:cNvSpPr txBox="1"/>
          <p:nvPr/>
        </p:nvSpPr>
        <p:spPr>
          <a:xfrm>
            <a:off x="9847696" y="181453"/>
            <a:ext cx="161925" cy="409343"/>
          </a:xfrm>
          <a:prstGeom prst="rect">
            <a:avLst/>
          </a:prstGeom>
          <a:solidFill>
            <a:srgbClr val="102B48"/>
          </a:solidFill>
          <a:ln>
            <a:no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1</a:t>
            </a:r>
          </a:p>
        </p:txBody>
      </p:sp>
      <p:sp>
        <p:nvSpPr>
          <p:cNvPr id="103" name="Freeform 2">
            <a:extLst>
              <a:ext uri="{FF2B5EF4-FFF2-40B4-BE49-F238E27FC236}">
                <a16:creationId xmlns:a16="http://schemas.microsoft.com/office/drawing/2014/main" id="{0318BF14-3E53-3BF3-7449-AE72ECE6D171}"/>
              </a:ext>
            </a:extLst>
          </p:cNvPr>
          <p:cNvSpPr>
            <a:spLocks noChangeArrowheads="1"/>
          </p:cNvSpPr>
          <p:nvPr/>
        </p:nvSpPr>
        <p:spPr bwMode="auto">
          <a:xfrm>
            <a:off x="7525526" y="0"/>
            <a:ext cx="2659422" cy="6858000"/>
          </a:xfrm>
          <a:custGeom>
            <a:avLst/>
            <a:gdLst>
              <a:gd name="T0" fmla="*/ 3689 w 6472"/>
              <a:gd name="T1" fmla="*/ 11007 h 11008"/>
              <a:gd name="T2" fmla="*/ 2772 w 6472"/>
              <a:gd name="T3" fmla="*/ 11007 h 11008"/>
              <a:gd name="T4" fmla="*/ 2772 w 6472"/>
              <a:gd name="T5" fmla="*/ 10647 h 11008"/>
              <a:gd name="T6" fmla="*/ 2772 w 6472"/>
              <a:gd name="T7" fmla="*/ 10647 h 11008"/>
              <a:gd name="T8" fmla="*/ 4056 w 6472"/>
              <a:gd name="T9" fmla="*/ 9363 h 11008"/>
              <a:gd name="T10" fmla="*/ 5187 w 6472"/>
              <a:gd name="T11" fmla="*/ 9363 h 11008"/>
              <a:gd name="T12" fmla="*/ 5187 w 6472"/>
              <a:gd name="T13" fmla="*/ 9363 h 11008"/>
              <a:gd name="T14" fmla="*/ 5554 w 6472"/>
              <a:gd name="T15" fmla="*/ 8996 h 11008"/>
              <a:gd name="T16" fmla="*/ 5554 w 6472"/>
              <a:gd name="T17" fmla="*/ 8996 h 11008"/>
              <a:gd name="T18" fmla="*/ 5187 w 6472"/>
              <a:gd name="T19" fmla="*/ 8629 h 11008"/>
              <a:gd name="T20" fmla="*/ 1285 w 6472"/>
              <a:gd name="T21" fmla="*/ 8629 h 11008"/>
              <a:gd name="T22" fmla="*/ 1285 w 6472"/>
              <a:gd name="T23" fmla="*/ 8629 h 11008"/>
              <a:gd name="T24" fmla="*/ 0 w 6472"/>
              <a:gd name="T25" fmla="*/ 7344 h 11008"/>
              <a:gd name="T26" fmla="*/ 0 w 6472"/>
              <a:gd name="T27" fmla="*/ 7344 h 11008"/>
              <a:gd name="T28" fmla="*/ 1285 w 6472"/>
              <a:gd name="T29" fmla="*/ 6060 h 11008"/>
              <a:gd name="T30" fmla="*/ 5187 w 6472"/>
              <a:gd name="T31" fmla="*/ 6060 h 11008"/>
              <a:gd name="T32" fmla="*/ 5187 w 6472"/>
              <a:gd name="T33" fmla="*/ 6060 h 11008"/>
              <a:gd name="T34" fmla="*/ 5554 w 6472"/>
              <a:gd name="T35" fmla="*/ 5694 h 11008"/>
              <a:gd name="T36" fmla="*/ 5554 w 6472"/>
              <a:gd name="T37" fmla="*/ 5694 h 11008"/>
              <a:gd name="T38" fmla="*/ 5187 w 6472"/>
              <a:gd name="T39" fmla="*/ 5328 h 11008"/>
              <a:gd name="T40" fmla="*/ 1285 w 6472"/>
              <a:gd name="T41" fmla="*/ 5328 h 11008"/>
              <a:gd name="T42" fmla="*/ 1285 w 6472"/>
              <a:gd name="T43" fmla="*/ 5328 h 11008"/>
              <a:gd name="T44" fmla="*/ 0 w 6472"/>
              <a:gd name="T45" fmla="*/ 4044 h 11008"/>
              <a:gd name="T46" fmla="*/ 0 w 6472"/>
              <a:gd name="T47" fmla="*/ 4044 h 11008"/>
              <a:gd name="T48" fmla="*/ 1285 w 6472"/>
              <a:gd name="T49" fmla="*/ 2759 h 11008"/>
              <a:gd name="T50" fmla="*/ 2410 w 6472"/>
              <a:gd name="T51" fmla="*/ 2759 h 11008"/>
              <a:gd name="T52" fmla="*/ 2410 w 6472"/>
              <a:gd name="T53" fmla="*/ 2759 h 11008"/>
              <a:gd name="T54" fmla="*/ 2777 w 6472"/>
              <a:gd name="T55" fmla="*/ 2392 h 11008"/>
              <a:gd name="T56" fmla="*/ 2777 w 6472"/>
              <a:gd name="T57" fmla="*/ 0 h 11008"/>
              <a:gd name="T58" fmla="*/ 3694 w 6472"/>
              <a:gd name="T59" fmla="*/ 0 h 11008"/>
              <a:gd name="T60" fmla="*/ 3694 w 6472"/>
              <a:gd name="T61" fmla="*/ 2392 h 11008"/>
              <a:gd name="T62" fmla="*/ 3694 w 6472"/>
              <a:gd name="T63" fmla="*/ 2392 h 11008"/>
              <a:gd name="T64" fmla="*/ 2410 w 6472"/>
              <a:gd name="T65" fmla="*/ 3677 h 11008"/>
              <a:gd name="T66" fmla="*/ 1285 w 6472"/>
              <a:gd name="T67" fmla="*/ 3677 h 11008"/>
              <a:gd name="T68" fmla="*/ 1285 w 6472"/>
              <a:gd name="T69" fmla="*/ 3677 h 11008"/>
              <a:gd name="T70" fmla="*/ 918 w 6472"/>
              <a:gd name="T71" fmla="*/ 4044 h 11008"/>
              <a:gd name="T72" fmla="*/ 918 w 6472"/>
              <a:gd name="T73" fmla="*/ 4044 h 11008"/>
              <a:gd name="T74" fmla="*/ 1285 w 6472"/>
              <a:gd name="T75" fmla="*/ 4411 h 11008"/>
              <a:gd name="T76" fmla="*/ 5187 w 6472"/>
              <a:gd name="T77" fmla="*/ 4411 h 11008"/>
              <a:gd name="T78" fmla="*/ 5187 w 6472"/>
              <a:gd name="T79" fmla="*/ 4411 h 11008"/>
              <a:gd name="T80" fmla="*/ 6471 w 6472"/>
              <a:gd name="T81" fmla="*/ 5694 h 11008"/>
              <a:gd name="T82" fmla="*/ 6471 w 6472"/>
              <a:gd name="T83" fmla="*/ 5694 h 11008"/>
              <a:gd name="T84" fmla="*/ 5187 w 6472"/>
              <a:gd name="T85" fmla="*/ 6977 h 11008"/>
              <a:gd name="T86" fmla="*/ 1285 w 6472"/>
              <a:gd name="T87" fmla="*/ 6977 h 11008"/>
              <a:gd name="T88" fmla="*/ 1285 w 6472"/>
              <a:gd name="T89" fmla="*/ 6977 h 11008"/>
              <a:gd name="T90" fmla="*/ 918 w 6472"/>
              <a:gd name="T91" fmla="*/ 7344 h 11008"/>
              <a:gd name="T92" fmla="*/ 918 w 6472"/>
              <a:gd name="T93" fmla="*/ 7344 h 11008"/>
              <a:gd name="T94" fmla="*/ 1285 w 6472"/>
              <a:gd name="T95" fmla="*/ 7711 h 11008"/>
              <a:gd name="T96" fmla="*/ 5187 w 6472"/>
              <a:gd name="T97" fmla="*/ 7711 h 11008"/>
              <a:gd name="T98" fmla="*/ 5187 w 6472"/>
              <a:gd name="T99" fmla="*/ 7711 h 11008"/>
              <a:gd name="T100" fmla="*/ 6471 w 6472"/>
              <a:gd name="T101" fmla="*/ 8996 h 11008"/>
              <a:gd name="T102" fmla="*/ 6471 w 6472"/>
              <a:gd name="T103" fmla="*/ 8996 h 11008"/>
              <a:gd name="T104" fmla="*/ 5187 w 6472"/>
              <a:gd name="T105" fmla="*/ 10280 h 11008"/>
              <a:gd name="T106" fmla="*/ 4056 w 6472"/>
              <a:gd name="T107" fmla="*/ 10280 h 11008"/>
              <a:gd name="T108" fmla="*/ 4056 w 6472"/>
              <a:gd name="T109" fmla="*/ 10280 h 11008"/>
              <a:gd name="T110" fmla="*/ 3689 w 6472"/>
              <a:gd name="T111" fmla="*/ 10647 h 11008"/>
              <a:gd name="T112" fmla="*/ 3689 w 6472"/>
              <a:gd name="T113" fmla="*/ 11007 h 110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472" h="11008">
                <a:moveTo>
                  <a:pt x="3689" y="11007"/>
                </a:moveTo>
                <a:lnTo>
                  <a:pt x="2772" y="11007"/>
                </a:lnTo>
                <a:lnTo>
                  <a:pt x="2772" y="10647"/>
                </a:lnTo>
                <a:lnTo>
                  <a:pt x="2772" y="10647"/>
                </a:lnTo>
                <a:cubicBezTo>
                  <a:pt x="2772" y="9939"/>
                  <a:pt x="3347" y="9363"/>
                  <a:pt x="4056" y="9363"/>
                </a:cubicBezTo>
                <a:lnTo>
                  <a:pt x="5187" y="9363"/>
                </a:lnTo>
                <a:lnTo>
                  <a:pt x="5187" y="9363"/>
                </a:lnTo>
                <a:cubicBezTo>
                  <a:pt x="5390" y="9363"/>
                  <a:pt x="5554" y="9198"/>
                  <a:pt x="5554" y="8996"/>
                </a:cubicBezTo>
                <a:lnTo>
                  <a:pt x="5554" y="8996"/>
                </a:lnTo>
                <a:cubicBezTo>
                  <a:pt x="5554" y="8793"/>
                  <a:pt x="5390" y="8629"/>
                  <a:pt x="5187" y="8629"/>
                </a:cubicBezTo>
                <a:lnTo>
                  <a:pt x="1285" y="8629"/>
                </a:lnTo>
                <a:lnTo>
                  <a:pt x="1285" y="8629"/>
                </a:lnTo>
                <a:cubicBezTo>
                  <a:pt x="576" y="8629"/>
                  <a:pt x="0" y="8053"/>
                  <a:pt x="0" y="7344"/>
                </a:cubicBezTo>
                <a:lnTo>
                  <a:pt x="0" y="7344"/>
                </a:lnTo>
                <a:cubicBezTo>
                  <a:pt x="0" y="6637"/>
                  <a:pt x="576" y="6060"/>
                  <a:pt x="1285" y="6060"/>
                </a:cubicBezTo>
                <a:lnTo>
                  <a:pt x="5187" y="6060"/>
                </a:lnTo>
                <a:lnTo>
                  <a:pt x="5187" y="6060"/>
                </a:lnTo>
                <a:cubicBezTo>
                  <a:pt x="5390" y="6060"/>
                  <a:pt x="5554" y="5896"/>
                  <a:pt x="5554" y="5694"/>
                </a:cubicBezTo>
                <a:lnTo>
                  <a:pt x="5554" y="5694"/>
                </a:lnTo>
                <a:cubicBezTo>
                  <a:pt x="5554" y="5492"/>
                  <a:pt x="5390" y="5328"/>
                  <a:pt x="5187" y="5328"/>
                </a:cubicBezTo>
                <a:lnTo>
                  <a:pt x="1285" y="5328"/>
                </a:lnTo>
                <a:lnTo>
                  <a:pt x="1285" y="5328"/>
                </a:lnTo>
                <a:cubicBezTo>
                  <a:pt x="576" y="5328"/>
                  <a:pt x="0" y="4752"/>
                  <a:pt x="0" y="4044"/>
                </a:cubicBezTo>
                <a:lnTo>
                  <a:pt x="0" y="4044"/>
                </a:lnTo>
                <a:cubicBezTo>
                  <a:pt x="0" y="3335"/>
                  <a:pt x="576" y="2759"/>
                  <a:pt x="1285" y="2759"/>
                </a:cubicBezTo>
                <a:lnTo>
                  <a:pt x="2410" y="2759"/>
                </a:lnTo>
                <a:lnTo>
                  <a:pt x="2410" y="2759"/>
                </a:lnTo>
                <a:cubicBezTo>
                  <a:pt x="2613" y="2759"/>
                  <a:pt x="2777" y="2595"/>
                  <a:pt x="2777" y="2392"/>
                </a:cubicBezTo>
                <a:lnTo>
                  <a:pt x="2777" y="0"/>
                </a:lnTo>
                <a:lnTo>
                  <a:pt x="3694" y="0"/>
                </a:lnTo>
                <a:lnTo>
                  <a:pt x="3694" y="2392"/>
                </a:lnTo>
                <a:lnTo>
                  <a:pt x="3694" y="2392"/>
                </a:lnTo>
                <a:cubicBezTo>
                  <a:pt x="3694" y="3101"/>
                  <a:pt x="3118" y="3677"/>
                  <a:pt x="2410" y="3677"/>
                </a:cubicBezTo>
                <a:lnTo>
                  <a:pt x="1285" y="3677"/>
                </a:lnTo>
                <a:lnTo>
                  <a:pt x="1285" y="3677"/>
                </a:lnTo>
                <a:cubicBezTo>
                  <a:pt x="1082" y="3677"/>
                  <a:pt x="918" y="3841"/>
                  <a:pt x="918" y="4044"/>
                </a:cubicBezTo>
                <a:lnTo>
                  <a:pt x="918" y="4044"/>
                </a:lnTo>
                <a:cubicBezTo>
                  <a:pt x="918" y="4246"/>
                  <a:pt x="1082" y="4411"/>
                  <a:pt x="1285" y="4411"/>
                </a:cubicBezTo>
                <a:lnTo>
                  <a:pt x="5187" y="4411"/>
                </a:lnTo>
                <a:lnTo>
                  <a:pt x="5187" y="4411"/>
                </a:lnTo>
                <a:cubicBezTo>
                  <a:pt x="5895" y="4411"/>
                  <a:pt x="6471" y="4987"/>
                  <a:pt x="6471" y="5694"/>
                </a:cubicBezTo>
                <a:lnTo>
                  <a:pt x="6471" y="5694"/>
                </a:lnTo>
                <a:cubicBezTo>
                  <a:pt x="6471" y="6402"/>
                  <a:pt x="5895" y="6977"/>
                  <a:pt x="5187" y="6977"/>
                </a:cubicBezTo>
                <a:lnTo>
                  <a:pt x="1285" y="6977"/>
                </a:lnTo>
                <a:lnTo>
                  <a:pt x="1285" y="6977"/>
                </a:lnTo>
                <a:cubicBezTo>
                  <a:pt x="1082" y="6977"/>
                  <a:pt x="918" y="7143"/>
                  <a:pt x="918" y="7344"/>
                </a:cubicBezTo>
                <a:lnTo>
                  <a:pt x="918" y="7344"/>
                </a:lnTo>
                <a:cubicBezTo>
                  <a:pt x="918" y="7547"/>
                  <a:pt x="1082" y="7711"/>
                  <a:pt x="1285" y="7711"/>
                </a:cubicBezTo>
                <a:lnTo>
                  <a:pt x="5187" y="7711"/>
                </a:lnTo>
                <a:lnTo>
                  <a:pt x="5187" y="7711"/>
                </a:lnTo>
                <a:cubicBezTo>
                  <a:pt x="5895" y="7711"/>
                  <a:pt x="6471" y="8287"/>
                  <a:pt x="6471" y="8996"/>
                </a:cubicBezTo>
                <a:lnTo>
                  <a:pt x="6471" y="8996"/>
                </a:lnTo>
                <a:cubicBezTo>
                  <a:pt x="6471" y="9704"/>
                  <a:pt x="5895" y="10280"/>
                  <a:pt x="5187" y="10280"/>
                </a:cubicBezTo>
                <a:lnTo>
                  <a:pt x="4056" y="10280"/>
                </a:lnTo>
                <a:lnTo>
                  <a:pt x="4056" y="10280"/>
                </a:lnTo>
                <a:cubicBezTo>
                  <a:pt x="3853" y="10280"/>
                  <a:pt x="3689" y="10444"/>
                  <a:pt x="3689" y="10647"/>
                </a:cubicBezTo>
                <a:lnTo>
                  <a:pt x="3689" y="11007"/>
                </a:lnTo>
              </a:path>
            </a:pathLst>
          </a:custGeom>
          <a:solidFill>
            <a:schemeClr val="accent6">
              <a:alpha val="40000"/>
            </a:schemeClr>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4" name="Freeform 29">
            <a:extLst>
              <a:ext uri="{FF2B5EF4-FFF2-40B4-BE49-F238E27FC236}">
                <a16:creationId xmlns:a16="http://schemas.microsoft.com/office/drawing/2014/main" id="{71A6AA16-ACEA-89A7-D3C1-08F21C8960C8}"/>
              </a:ext>
            </a:extLst>
          </p:cNvPr>
          <p:cNvSpPr>
            <a:spLocks noChangeArrowheads="1"/>
          </p:cNvSpPr>
          <p:nvPr/>
        </p:nvSpPr>
        <p:spPr bwMode="auto">
          <a:xfrm>
            <a:off x="7823205" y="0"/>
            <a:ext cx="1922798" cy="6751320"/>
          </a:xfrm>
          <a:custGeom>
            <a:avLst/>
            <a:gdLst>
              <a:gd name="connsiteX0" fmla="*/ 1902033 w 3845787"/>
              <a:gd name="connsiteY0" fmla="*/ 7323434 h 7534754"/>
              <a:gd name="connsiteX1" fmla="*/ 1937679 w 3845787"/>
              <a:gd name="connsiteY1" fmla="*/ 7323434 h 7534754"/>
              <a:gd name="connsiteX2" fmla="*/ 1937679 w 3845787"/>
              <a:gd name="connsiteY2" fmla="*/ 7534754 h 7534754"/>
              <a:gd name="connsiteX3" fmla="*/ 1902033 w 3845787"/>
              <a:gd name="connsiteY3" fmla="*/ 7534754 h 7534754"/>
              <a:gd name="connsiteX4" fmla="*/ 2031274 w 3845787"/>
              <a:gd name="connsiteY4" fmla="*/ 6923643 h 7534754"/>
              <a:gd name="connsiteX5" fmla="*/ 2058837 w 3845787"/>
              <a:gd name="connsiteY5" fmla="*/ 6945474 h 7534754"/>
              <a:gd name="connsiteX6" fmla="*/ 1963057 w 3845787"/>
              <a:gd name="connsiteY6" fmla="*/ 7122856 h 7534754"/>
              <a:gd name="connsiteX7" fmla="*/ 1929292 w 3845787"/>
              <a:gd name="connsiteY7" fmla="*/ 7112622 h 7534754"/>
              <a:gd name="connsiteX8" fmla="*/ 2031274 w 3845787"/>
              <a:gd name="connsiteY8" fmla="*/ 6923643 h 7534754"/>
              <a:gd name="connsiteX9" fmla="*/ 2395606 w 3845787"/>
              <a:gd name="connsiteY9" fmla="*/ 6711633 h 7534754"/>
              <a:gd name="connsiteX10" fmla="*/ 2401087 w 3845787"/>
              <a:gd name="connsiteY10" fmla="*/ 6746880 h 7534754"/>
              <a:gd name="connsiteX11" fmla="*/ 2210605 w 3845787"/>
              <a:gd name="connsiteY11" fmla="*/ 6813918 h 7534754"/>
              <a:gd name="connsiteX12" fmla="*/ 2192790 w 3845787"/>
              <a:gd name="connsiteY12" fmla="*/ 6784200 h 7534754"/>
              <a:gd name="connsiteX13" fmla="*/ 2395606 w 3845787"/>
              <a:gd name="connsiteY13" fmla="*/ 6711633 h 7534754"/>
              <a:gd name="connsiteX14" fmla="*/ 3028715 w 3845787"/>
              <a:gd name="connsiteY14" fmla="*/ 6702544 h 7534754"/>
              <a:gd name="connsiteX15" fmla="*/ 3237014 w 3845787"/>
              <a:gd name="connsiteY15" fmla="*/ 6702544 h 7534754"/>
              <a:gd name="connsiteX16" fmla="*/ 3237014 w 3845787"/>
              <a:gd name="connsiteY16" fmla="*/ 6738190 h 7534754"/>
              <a:gd name="connsiteX17" fmla="*/ 3028715 w 3845787"/>
              <a:gd name="connsiteY17" fmla="*/ 6738190 h 7534754"/>
              <a:gd name="connsiteX18" fmla="*/ 2607726 w 3845787"/>
              <a:gd name="connsiteY18" fmla="*/ 6702544 h 7534754"/>
              <a:gd name="connsiteX19" fmla="*/ 2819046 w 3845787"/>
              <a:gd name="connsiteY19" fmla="*/ 6702544 h 7534754"/>
              <a:gd name="connsiteX20" fmla="*/ 2819046 w 3845787"/>
              <a:gd name="connsiteY20" fmla="*/ 6738190 h 7534754"/>
              <a:gd name="connsiteX21" fmla="*/ 2607726 w 3845787"/>
              <a:gd name="connsiteY21" fmla="*/ 6738190 h 7534754"/>
              <a:gd name="connsiteX22" fmla="*/ 3617162 w 3845787"/>
              <a:gd name="connsiteY22" fmla="*/ 6575338 h 7534754"/>
              <a:gd name="connsiteX23" fmla="*/ 3639830 w 3845787"/>
              <a:gd name="connsiteY23" fmla="*/ 6602267 h 7534754"/>
              <a:gd name="connsiteX24" fmla="*/ 3451613 w 3845787"/>
              <a:gd name="connsiteY24" fmla="*/ 6707910 h 7534754"/>
              <a:gd name="connsiteX25" fmla="*/ 3440622 w 3845787"/>
              <a:gd name="connsiteY25" fmla="*/ 6674767 h 7534754"/>
              <a:gd name="connsiteX26" fmla="*/ 3617162 w 3845787"/>
              <a:gd name="connsiteY26" fmla="*/ 6575338 h 7534754"/>
              <a:gd name="connsiteX27" fmla="*/ 3810378 w 3845787"/>
              <a:gd name="connsiteY27" fmla="*/ 6227039 h 7534754"/>
              <a:gd name="connsiteX28" fmla="*/ 3845776 w 3845787"/>
              <a:gd name="connsiteY28" fmla="*/ 6231835 h 7534754"/>
              <a:gd name="connsiteX29" fmla="*/ 3777062 w 3845787"/>
              <a:gd name="connsiteY29" fmla="*/ 6435334 h 7534754"/>
              <a:gd name="connsiteX30" fmla="*/ 3746523 w 3845787"/>
              <a:gd name="connsiteY30" fmla="*/ 6418889 h 7534754"/>
              <a:gd name="connsiteX31" fmla="*/ 3810378 w 3845787"/>
              <a:gd name="connsiteY31" fmla="*/ 6227039 h 7534754"/>
              <a:gd name="connsiteX32" fmla="*/ 3745764 w 3845787"/>
              <a:gd name="connsiteY32" fmla="*/ 5821189 h 7534754"/>
              <a:gd name="connsiteX33" fmla="*/ 3833666 w 3845787"/>
              <a:gd name="connsiteY33" fmla="*/ 6018187 h 7534754"/>
              <a:gd name="connsiteX34" fmla="*/ 3799329 w 3845787"/>
              <a:gd name="connsiteY34" fmla="*/ 6026453 h 7534754"/>
              <a:gd name="connsiteX35" fmla="*/ 3716234 w 3845787"/>
              <a:gd name="connsiteY35" fmla="*/ 5841164 h 7534754"/>
              <a:gd name="connsiteX36" fmla="*/ 3393655 w 3845787"/>
              <a:gd name="connsiteY36" fmla="*/ 5584951 h 7534754"/>
              <a:gd name="connsiteX37" fmla="*/ 3591369 w 3845787"/>
              <a:gd name="connsiteY37" fmla="*/ 5670584 h 7534754"/>
              <a:gd name="connsiteX38" fmla="*/ 3571461 w 3845787"/>
              <a:gd name="connsiteY38" fmla="*/ 5699357 h 7534754"/>
              <a:gd name="connsiteX39" fmla="*/ 3386103 w 3845787"/>
              <a:gd name="connsiteY39" fmla="*/ 5618519 h 7534754"/>
              <a:gd name="connsiteX40" fmla="*/ 2971172 w 3845787"/>
              <a:gd name="connsiteY40" fmla="*/ 5569805 h 7534754"/>
              <a:gd name="connsiteX41" fmla="*/ 3182492 w 3845787"/>
              <a:gd name="connsiteY41" fmla="*/ 5569805 h 7534754"/>
              <a:gd name="connsiteX42" fmla="*/ 3182492 w 3845787"/>
              <a:gd name="connsiteY42" fmla="*/ 5605451 h 7534754"/>
              <a:gd name="connsiteX43" fmla="*/ 2971172 w 3845787"/>
              <a:gd name="connsiteY43" fmla="*/ 5605451 h 7534754"/>
              <a:gd name="connsiteX44" fmla="*/ 2550180 w 3845787"/>
              <a:gd name="connsiteY44" fmla="*/ 5569805 h 7534754"/>
              <a:gd name="connsiteX45" fmla="*/ 2761500 w 3845787"/>
              <a:gd name="connsiteY45" fmla="*/ 5569805 h 7534754"/>
              <a:gd name="connsiteX46" fmla="*/ 2761500 w 3845787"/>
              <a:gd name="connsiteY46" fmla="*/ 5605451 h 7534754"/>
              <a:gd name="connsiteX47" fmla="*/ 2550180 w 3845787"/>
              <a:gd name="connsiteY47" fmla="*/ 5605451 h 7534754"/>
              <a:gd name="connsiteX48" fmla="*/ 2132217 w 3845787"/>
              <a:gd name="connsiteY48" fmla="*/ 5569805 h 7534754"/>
              <a:gd name="connsiteX49" fmla="*/ 2343537 w 3845787"/>
              <a:gd name="connsiteY49" fmla="*/ 5569805 h 7534754"/>
              <a:gd name="connsiteX50" fmla="*/ 2343537 w 3845787"/>
              <a:gd name="connsiteY50" fmla="*/ 5605451 h 7534754"/>
              <a:gd name="connsiteX51" fmla="*/ 2132217 w 3845787"/>
              <a:gd name="connsiteY51" fmla="*/ 5605451 h 7534754"/>
              <a:gd name="connsiteX52" fmla="*/ 1711227 w 3845787"/>
              <a:gd name="connsiteY52" fmla="*/ 5569805 h 7534754"/>
              <a:gd name="connsiteX53" fmla="*/ 1922547 w 3845787"/>
              <a:gd name="connsiteY53" fmla="*/ 5569805 h 7534754"/>
              <a:gd name="connsiteX54" fmla="*/ 1922547 w 3845787"/>
              <a:gd name="connsiteY54" fmla="*/ 5605451 h 7534754"/>
              <a:gd name="connsiteX55" fmla="*/ 1711227 w 3845787"/>
              <a:gd name="connsiteY55" fmla="*/ 5605451 h 7534754"/>
              <a:gd name="connsiteX56" fmla="*/ 1293264 w 3845787"/>
              <a:gd name="connsiteY56" fmla="*/ 5569805 h 7534754"/>
              <a:gd name="connsiteX57" fmla="*/ 1501561 w 3845787"/>
              <a:gd name="connsiteY57" fmla="*/ 5569805 h 7534754"/>
              <a:gd name="connsiteX58" fmla="*/ 1501561 w 3845787"/>
              <a:gd name="connsiteY58" fmla="*/ 5605451 h 7534754"/>
              <a:gd name="connsiteX59" fmla="*/ 1293264 w 3845787"/>
              <a:gd name="connsiteY59" fmla="*/ 5605451 h 7534754"/>
              <a:gd name="connsiteX60" fmla="*/ 872272 w 3845787"/>
              <a:gd name="connsiteY60" fmla="*/ 5569805 h 7534754"/>
              <a:gd name="connsiteX61" fmla="*/ 1083591 w 3845787"/>
              <a:gd name="connsiteY61" fmla="*/ 5569805 h 7534754"/>
              <a:gd name="connsiteX62" fmla="*/ 1083591 w 3845787"/>
              <a:gd name="connsiteY62" fmla="*/ 5605451 h 7534754"/>
              <a:gd name="connsiteX63" fmla="*/ 872272 w 3845787"/>
              <a:gd name="connsiteY63" fmla="*/ 5605451 h 7534754"/>
              <a:gd name="connsiteX64" fmla="*/ 456548 w 3845787"/>
              <a:gd name="connsiteY64" fmla="*/ 5554664 h 7534754"/>
              <a:gd name="connsiteX65" fmla="*/ 584466 w 3845787"/>
              <a:gd name="connsiteY65" fmla="*/ 5569475 h 7534754"/>
              <a:gd name="connsiteX66" fmla="*/ 662599 w 3845787"/>
              <a:gd name="connsiteY66" fmla="*/ 5569475 h 7534754"/>
              <a:gd name="connsiteX67" fmla="*/ 662599 w 3845787"/>
              <a:gd name="connsiteY67" fmla="*/ 5605445 h 7534754"/>
              <a:gd name="connsiteX68" fmla="*/ 584466 w 3845787"/>
              <a:gd name="connsiteY68" fmla="*/ 5605445 h 7534754"/>
              <a:gd name="connsiteX69" fmla="*/ 448251 w 3845787"/>
              <a:gd name="connsiteY69" fmla="*/ 5589224 h 7534754"/>
              <a:gd name="connsiteX70" fmla="*/ 129407 w 3845787"/>
              <a:gd name="connsiteY70" fmla="*/ 5327507 h 7534754"/>
              <a:gd name="connsiteX71" fmla="*/ 271901 w 3845787"/>
              <a:gd name="connsiteY71" fmla="*/ 5470687 h 7534754"/>
              <a:gd name="connsiteX72" fmla="*/ 252034 w 3845787"/>
              <a:gd name="connsiteY72" fmla="*/ 5499460 h 7534754"/>
              <a:gd name="connsiteX73" fmla="*/ 99950 w 3845787"/>
              <a:gd name="connsiteY73" fmla="*/ 5347374 h 7534754"/>
              <a:gd name="connsiteX74" fmla="*/ 6348 w 3845787"/>
              <a:gd name="connsiteY74" fmla="*/ 4936804 h 7534754"/>
              <a:gd name="connsiteX75" fmla="*/ 41614 w 3845787"/>
              <a:gd name="connsiteY75" fmla="*/ 4941598 h 7534754"/>
              <a:gd name="connsiteX76" fmla="*/ 35972 w 3845787"/>
              <a:gd name="connsiteY76" fmla="*/ 5018984 h 7534754"/>
              <a:gd name="connsiteX77" fmla="*/ 50783 w 3845787"/>
              <a:gd name="connsiteY77" fmla="*/ 5142939 h 7534754"/>
              <a:gd name="connsiteX78" fmla="*/ 15517 w 3845787"/>
              <a:gd name="connsiteY78" fmla="*/ 5151157 h 7534754"/>
              <a:gd name="connsiteX79" fmla="*/ 0 w 3845787"/>
              <a:gd name="connsiteY79" fmla="*/ 5018984 h 7534754"/>
              <a:gd name="connsiteX80" fmla="*/ 6348 w 3845787"/>
              <a:gd name="connsiteY80" fmla="*/ 4936804 h 7534754"/>
              <a:gd name="connsiteX81" fmla="*/ 213603 w 3845787"/>
              <a:gd name="connsiteY81" fmla="*/ 4567303 h 7534754"/>
              <a:gd name="connsiteX82" fmla="*/ 235555 w 3845787"/>
              <a:gd name="connsiteY82" fmla="*/ 4594289 h 7534754"/>
              <a:gd name="connsiteX83" fmla="*/ 105903 w 3845787"/>
              <a:gd name="connsiteY83" fmla="*/ 4751362 h 7534754"/>
              <a:gd name="connsiteX84" fmla="*/ 75720 w 3845787"/>
              <a:gd name="connsiteY84" fmla="*/ 4733371 h 7534754"/>
              <a:gd name="connsiteX85" fmla="*/ 213603 w 3845787"/>
              <a:gd name="connsiteY85" fmla="*/ 4567303 h 7534754"/>
              <a:gd name="connsiteX86" fmla="*/ 584408 w 3845787"/>
              <a:gd name="connsiteY86" fmla="*/ 4434039 h 7534754"/>
              <a:gd name="connsiteX87" fmla="*/ 614140 w 3845787"/>
              <a:gd name="connsiteY87" fmla="*/ 4434039 h 7534754"/>
              <a:gd name="connsiteX88" fmla="*/ 614140 w 3845787"/>
              <a:gd name="connsiteY88" fmla="*/ 4469684 h 7534754"/>
              <a:gd name="connsiteX89" fmla="*/ 584408 w 3845787"/>
              <a:gd name="connsiteY89" fmla="*/ 4469684 h 7534754"/>
              <a:gd name="connsiteX90" fmla="*/ 410855 w 3845787"/>
              <a:gd name="connsiteY90" fmla="*/ 4496942 h 7534754"/>
              <a:gd name="connsiteX91" fmla="*/ 399792 w 3845787"/>
              <a:gd name="connsiteY91" fmla="*/ 4463394 h 7534754"/>
              <a:gd name="connsiteX92" fmla="*/ 584408 w 3845787"/>
              <a:gd name="connsiteY92" fmla="*/ 4434039 h 7534754"/>
              <a:gd name="connsiteX93" fmla="*/ 2922713 w 3845787"/>
              <a:gd name="connsiteY93" fmla="*/ 4434037 h 7534754"/>
              <a:gd name="connsiteX94" fmla="*/ 3134033 w 3845787"/>
              <a:gd name="connsiteY94" fmla="*/ 4434037 h 7534754"/>
              <a:gd name="connsiteX95" fmla="*/ 3134033 w 3845787"/>
              <a:gd name="connsiteY95" fmla="*/ 4469683 h 7534754"/>
              <a:gd name="connsiteX96" fmla="*/ 2922713 w 3845787"/>
              <a:gd name="connsiteY96" fmla="*/ 4469683 h 7534754"/>
              <a:gd name="connsiteX97" fmla="*/ 2501720 w 3845787"/>
              <a:gd name="connsiteY97" fmla="*/ 4434037 h 7534754"/>
              <a:gd name="connsiteX98" fmla="*/ 2713040 w 3845787"/>
              <a:gd name="connsiteY98" fmla="*/ 4434037 h 7534754"/>
              <a:gd name="connsiteX99" fmla="*/ 2713040 w 3845787"/>
              <a:gd name="connsiteY99" fmla="*/ 4469683 h 7534754"/>
              <a:gd name="connsiteX100" fmla="*/ 2501720 w 3845787"/>
              <a:gd name="connsiteY100" fmla="*/ 4469683 h 7534754"/>
              <a:gd name="connsiteX101" fmla="*/ 2083758 w 3845787"/>
              <a:gd name="connsiteY101" fmla="*/ 4434037 h 7534754"/>
              <a:gd name="connsiteX102" fmla="*/ 2295078 w 3845787"/>
              <a:gd name="connsiteY102" fmla="*/ 4434037 h 7534754"/>
              <a:gd name="connsiteX103" fmla="*/ 2295078 w 3845787"/>
              <a:gd name="connsiteY103" fmla="*/ 4469683 h 7534754"/>
              <a:gd name="connsiteX104" fmla="*/ 2083758 w 3845787"/>
              <a:gd name="connsiteY104" fmla="*/ 4469683 h 7534754"/>
              <a:gd name="connsiteX105" fmla="*/ 1662767 w 3845787"/>
              <a:gd name="connsiteY105" fmla="*/ 4434037 h 7534754"/>
              <a:gd name="connsiteX106" fmla="*/ 1874086 w 3845787"/>
              <a:gd name="connsiteY106" fmla="*/ 4434037 h 7534754"/>
              <a:gd name="connsiteX107" fmla="*/ 1874086 w 3845787"/>
              <a:gd name="connsiteY107" fmla="*/ 4469683 h 7534754"/>
              <a:gd name="connsiteX108" fmla="*/ 1662767 w 3845787"/>
              <a:gd name="connsiteY108" fmla="*/ 4469683 h 7534754"/>
              <a:gd name="connsiteX109" fmla="*/ 1244805 w 3845787"/>
              <a:gd name="connsiteY109" fmla="*/ 4434037 h 7534754"/>
              <a:gd name="connsiteX110" fmla="*/ 1456124 w 3845787"/>
              <a:gd name="connsiteY110" fmla="*/ 4434037 h 7534754"/>
              <a:gd name="connsiteX111" fmla="*/ 1456124 w 3845787"/>
              <a:gd name="connsiteY111" fmla="*/ 4469683 h 7534754"/>
              <a:gd name="connsiteX112" fmla="*/ 1244805 w 3845787"/>
              <a:gd name="connsiteY112" fmla="*/ 4469683 h 7534754"/>
              <a:gd name="connsiteX113" fmla="*/ 823810 w 3845787"/>
              <a:gd name="connsiteY113" fmla="*/ 4434037 h 7534754"/>
              <a:gd name="connsiteX114" fmla="*/ 1032109 w 3845787"/>
              <a:gd name="connsiteY114" fmla="*/ 4434037 h 7534754"/>
              <a:gd name="connsiteX115" fmla="*/ 1032109 w 3845787"/>
              <a:gd name="connsiteY115" fmla="*/ 4469683 h 7534754"/>
              <a:gd name="connsiteX116" fmla="*/ 823810 w 3845787"/>
              <a:gd name="connsiteY116" fmla="*/ 4469683 h 7534754"/>
              <a:gd name="connsiteX117" fmla="*/ 3531841 w 3845787"/>
              <a:gd name="connsiteY117" fmla="*/ 4364376 h 7534754"/>
              <a:gd name="connsiteX118" fmla="*/ 3548970 w 3845787"/>
              <a:gd name="connsiteY118" fmla="*/ 4395394 h 7534754"/>
              <a:gd name="connsiteX119" fmla="*/ 3345472 w 3845787"/>
              <a:gd name="connsiteY119" fmla="*/ 4463635 h 7534754"/>
              <a:gd name="connsiteX120" fmla="*/ 3340675 w 3845787"/>
              <a:gd name="connsiteY120" fmla="*/ 4429170 h 7534754"/>
              <a:gd name="connsiteX121" fmla="*/ 3531841 w 3845787"/>
              <a:gd name="connsiteY121" fmla="*/ 4364376 h 7534754"/>
              <a:gd name="connsiteX122" fmla="*/ 3785376 w 3845787"/>
              <a:gd name="connsiteY122" fmla="*/ 4058479 h 7534754"/>
              <a:gd name="connsiteX123" fmla="*/ 3818520 w 3845787"/>
              <a:gd name="connsiteY123" fmla="*/ 4069470 h 7534754"/>
              <a:gd name="connsiteX124" fmla="*/ 3713566 w 3845787"/>
              <a:gd name="connsiteY124" fmla="*/ 4257687 h 7534754"/>
              <a:gd name="connsiteX125" fmla="*/ 3685947 w 3845787"/>
              <a:gd name="connsiteY125" fmla="*/ 4235705 h 7534754"/>
              <a:gd name="connsiteX126" fmla="*/ 3785376 w 3845787"/>
              <a:gd name="connsiteY126" fmla="*/ 4058479 h 7534754"/>
              <a:gd name="connsiteX127" fmla="*/ 3796041 w 3845787"/>
              <a:gd name="connsiteY127" fmla="*/ 3649601 h 7534754"/>
              <a:gd name="connsiteX128" fmla="*/ 3845787 w 3845787"/>
              <a:gd name="connsiteY128" fmla="*/ 3859539 h 7534754"/>
              <a:gd name="connsiteX129" fmla="*/ 3811033 w 3845787"/>
              <a:gd name="connsiteY129" fmla="*/ 3860920 h 7534754"/>
              <a:gd name="connsiteX130" fmla="*/ 3764694 w 3845787"/>
              <a:gd name="connsiteY130" fmla="*/ 3664103 h 7534754"/>
              <a:gd name="connsiteX131" fmla="*/ 3496654 w 3845787"/>
              <a:gd name="connsiteY131" fmla="*/ 3349757 h 7534754"/>
              <a:gd name="connsiteX132" fmla="*/ 3673153 w 3845787"/>
              <a:gd name="connsiteY132" fmla="*/ 3469199 h 7534754"/>
              <a:gd name="connsiteX133" fmla="*/ 3648620 w 3845787"/>
              <a:gd name="connsiteY133" fmla="*/ 3494453 h 7534754"/>
              <a:gd name="connsiteX134" fmla="*/ 3483024 w 3845787"/>
              <a:gd name="connsiteY134" fmla="*/ 3381153 h 7534754"/>
              <a:gd name="connsiteX135" fmla="*/ 3077176 w 3845787"/>
              <a:gd name="connsiteY135" fmla="*/ 3301298 h 7534754"/>
              <a:gd name="connsiteX136" fmla="*/ 3264406 w 3845787"/>
              <a:gd name="connsiteY136" fmla="*/ 3301298 h 7534754"/>
              <a:gd name="connsiteX137" fmla="*/ 3288498 w 3845787"/>
              <a:gd name="connsiteY137" fmla="*/ 3301298 h 7534754"/>
              <a:gd name="connsiteX138" fmla="*/ 3287121 w 3845787"/>
              <a:gd name="connsiteY138" fmla="*/ 3336944 h 7534754"/>
              <a:gd name="connsiteX139" fmla="*/ 3264406 w 3845787"/>
              <a:gd name="connsiteY139" fmla="*/ 3336245 h 7534754"/>
              <a:gd name="connsiteX140" fmla="*/ 3077176 w 3845787"/>
              <a:gd name="connsiteY140" fmla="*/ 3336245 h 7534754"/>
              <a:gd name="connsiteX141" fmla="*/ 2656186 w 3845787"/>
              <a:gd name="connsiteY141" fmla="*/ 3301298 h 7534754"/>
              <a:gd name="connsiteX142" fmla="*/ 2867506 w 3845787"/>
              <a:gd name="connsiteY142" fmla="*/ 3301298 h 7534754"/>
              <a:gd name="connsiteX143" fmla="*/ 2867506 w 3845787"/>
              <a:gd name="connsiteY143" fmla="*/ 3336930 h 7534754"/>
              <a:gd name="connsiteX144" fmla="*/ 2656186 w 3845787"/>
              <a:gd name="connsiteY144" fmla="*/ 3336930 h 7534754"/>
              <a:gd name="connsiteX145" fmla="*/ 2238223 w 3845787"/>
              <a:gd name="connsiteY145" fmla="*/ 3301298 h 7534754"/>
              <a:gd name="connsiteX146" fmla="*/ 2449543 w 3845787"/>
              <a:gd name="connsiteY146" fmla="*/ 3301298 h 7534754"/>
              <a:gd name="connsiteX147" fmla="*/ 2449543 w 3845787"/>
              <a:gd name="connsiteY147" fmla="*/ 3336930 h 7534754"/>
              <a:gd name="connsiteX148" fmla="*/ 2238223 w 3845787"/>
              <a:gd name="connsiteY148" fmla="*/ 3336930 h 7534754"/>
              <a:gd name="connsiteX149" fmla="*/ 1817229 w 3845787"/>
              <a:gd name="connsiteY149" fmla="*/ 3301298 h 7534754"/>
              <a:gd name="connsiteX150" fmla="*/ 2025528 w 3845787"/>
              <a:gd name="connsiteY150" fmla="*/ 3301298 h 7534754"/>
              <a:gd name="connsiteX151" fmla="*/ 2025528 w 3845787"/>
              <a:gd name="connsiteY151" fmla="*/ 3336930 h 7534754"/>
              <a:gd name="connsiteX152" fmla="*/ 1817229 w 3845787"/>
              <a:gd name="connsiteY152" fmla="*/ 3336930 h 7534754"/>
              <a:gd name="connsiteX153" fmla="*/ 1399268 w 3845787"/>
              <a:gd name="connsiteY153" fmla="*/ 3301298 h 7534754"/>
              <a:gd name="connsiteX154" fmla="*/ 1610587 w 3845787"/>
              <a:gd name="connsiteY154" fmla="*/ 3301298 h 7534754"/>
              <a:gd name="connsiteX155" fmla="*/ 1610587 w 3845787"/>
              <a:gd name="connsiteY155" fmla="*/ 3336930 h 7534754"/>
              <a:gd name="connsiteX156" fmla="*/ 1399268 w 3845787"/>
              <a:gd name="connsiteY156" fmla="*/ 3336930 h 7534754"/>
              <a:gd name="connsiteX157" fmla="*/ 978278 w 3845787"/>
              <a:gd name="connsiteY157" fmla="*/ 3301298 h 7534754"/>
              <a:gd name="connsiteX158" fmla="*/ 1189597 w 3845787"/>
              <a:gd name="connsiteY158" fmla="*/ 3301298 h 7534754"/>
              <a:gd name="connsiteX159" fmla="*/ 1189597 w 3845787"/>
              <a:gd name="connsiteY159" fmla="*/ 3336930 h 7534754"/>
              <a:gd name="connsiteX160" fmla="*/ 978278 w 3845787"/>
              <a:gd name="connsiteY160" fmla="*/ 3336930 h 7534754"/>
              <a:gd name="connsiteX161" fmla="*/ 559350 w 3845787"/>
              <a:gd name="connsiteY161" fmla="*/ 3301298 h 7534754"/>
              <a:gd name="connsiteX162" fmla="*/ 584819 w 3845787"/>
              <a:gd name="connsiteY162" fmla="*/ 3301997 h 7534754"/>
              <a:gd name="connsiteX163" fmla="*/ 768606 w 3845787"/>
              <a:gd name="connsiteY163" fmla="*/ 3301997 h 7534754"/>
              <a:gd name="connsiteX164" fmla="*/ 768606 w 3845787"/>
              <a:gd name="connsiteY164" fmla="*/ 3336944 h 7534754"/>
              <a:gd name="connsiteX165" fmla="*/ 584819 w 3845787"/>
              <a:gd name="connsiteY165" fmla="*/ 3336944 h 7534754"/>
              <a:gd name="connsiteX166" fmla="*/ 557285 w 3845787"/>
              <a:gd name="connsiteY166" fmla="*/ 3336944 h 7534754"/>
              <a:gd name="connsiteX167" fmla="*/ 194142 w 3845787"/>
              <a:gd name="connsiteY167" fmla="*/ 3140775 h 7534754"/>
              <a:gd name="connsiteX168" fmla="*/ 359738 w 3845787"/>
              <a:gd name="connsiteY168" fmla="*/ 3256589 h 7534754"/>
              <a:gd name="connsiteX169" fmla="*/ 345428 w 3845787"/>
              <a:gd name="connsiteY169" fmla="*/ 3288489 h 7534754"/>
              <a:gd name="connsiteX170" fmla="*/ 169610 w 3845787"/>
              <a:gd name="connsiteY170" fmla="*/ 3165741 h 7534754"/>
              <a:gd name="connsiteX171" fmla="*/ 35049 w 3845787"/>
              <a:gd name="connsiteY171" fmla="*/ 2777331 h 7534754"/>
              <a:gd name="connsiteX172" fmla="*/ 81091 w 3845787"/>
              <a:gd name="connsiteY172" fmla="*/ 2974886 h 7534754"/>
              <a:gd name="connsiteX173" fmla="*/ 48792 w 3845787"/>
              <a:gd name="connsiteY173" fmla="*/ 2988653 h 7534754"/>
              <a:gd name="connsiteX174" fmla="*/ 2 w 3845787"/>
              <a:gd name="connsiteY174" fmla="*/ 2778708 h 7534754"/>
              <a:gd name="connsiteX175" fmla="*/ 135386 w 3845787"/>
              <a:gd name="connsiteY175" fmla="*/ 2377540 h 7534754"/>
              <a:gd name="connsiteX176" fmla="*/ 162863 w 3845787"/>
              <a:gd name="connsiteY176" fmla="*/ 2400895 h 7534754"/>
              <a:gd name="connsiteX177" fmla="*/ 63259 w 3845787"/>
              <a:gd name="connsiteY177" fmla="*/ 2576748 h 7534754"/>
              <a:gd name="connsiteX178" fmla="*/ 30287 w 3845787"/>
              <a:gd name="connsiteY178" fmla="*/ 2565757 h 7534754"/>
              <a:gd name="connsiteX179" fmla="*/ 135386 w 3845787"/>
              <a:gd name="connsiteY179" fmla="*/ 2377540 h 7534754"/>
              <a:gd name="connsiteX180" fmla="*/ 504028 w 3845787"/>
              <a:gd name="connsiteY180" fmla="*/ 2171586 h 7534754"/>
              <a:gd name="connsiteX181" fmla="*/ 508140 w 3845787"/>
              <a:gd name="connsiteY181" fmla="*/ 2206291 h 7534754"/>
              <a:gd name="connsiteX182" fmla="*/ 316974 w 3845787"/>
              <a:gd name="connsiteY182" fmla="*/ 2270841 h 7534754"/>
              <a:gd name="connsiteX183" fmla="*/ 299845 w 3845787"/>
              <a:gd name="connsiteY183" fmla="*/ 2239607 h 7534754"/>
              <a:gd name="connsiteX184" fmla="*/ 504028 w 3845787"/>
              <a:gd name="connsiteY184" fmla="*/ 2171586 h 7534754"/>
              <a:gd name="connsiteX185" fmla="*/ 1138799 w 3845787"/>
              <a:gd name="connsiteY185" fmla="*/ 2168558 h 7534754"/>
              <a:gd name="connsiteX186" fmla="*/ 1350118 w 3845787"/>
              <a:gd name="connsiteY186" fmla="*/ 2168558 h 7534754"/>
              <a:gd name="connsiteX187" fmla="*/ 1350118 w 3845787"/>
              <a:gd name="connsiteY187" fmla="*/ 2204204 h 7534754"/>
              <a:gd name="connsiteX188" fmla="*/ 1138799 w 3845787"/>
              <a:gd name="connsiteY188" fmla="*/ 2204204 h 7534754"/>
              <a:gd name="connsiteX189" fmla="*/ 717808 w 3845787"/>
              <a:gd name="connsiteY189" fmla="*/ 2168558 h 7534754"/>
              <a:gd name="connsiteX190" fmla="*/ 926105 w 3845787"/>
              <a:gd name="connsiteY190" fmla="*/ 2168558 h 7534754"/>
              <a:gd name="connsiteX191" fmla="*/ 926105 w 3845787"/>
              <a:gd name="connsiteY191" fmla="*/ 2204204 h 7534754"/>
              <a:gd name="connsiteX192" fmla="*/ 717808 w 3845787"/>
              <a:gd name="connsiteY192" fmla="*/ 2204204 h 7534754"/>
              <a:gd name="connsiteX193" fmla="*/ 1721301 w 3845787"/>
              <a:gd name="connsiteY193" fmla="*/ 2029240 h 7534754"/>
              <a:gd name="connsiteX194" fmla="*/ 1743858 w 3845787"/>
              <a:gd name="connsiteY194" fmla="*/ 2055135 h 7534754"/>
              <a:gd name="connsiteX195" fmla="*/ 1559980 w 3845787"/>
              <a:gd name="connsiteY195" fmla="*/ 2164849 h 7534754"/>
              <a:gd name="connsiteX196" fmla="*/ 1547676 w 3845787"/>
              <a:gd name="connsiteY196" fmla="*/ 2132139 h 7534754"/>
              <a:gd name="connsiteX197" fmla="*/ 1721301 w 3845787"/>
              <a:gd name="connsiteY197" fmla="*/ 2029240 h 7534754"/>
              <a:gd name="connsiteX198" fmla="*/ 1902908 w 3845787"/>
              <a:gd name="connsiteY198" fmla="*/ 1677908 h 7534754"/>
              <a:gd name="connsiteX199" fmla="*/ 1937682 w 3845787"/>
              <a:gd name="connsiteY199" fmla="*/ 1681323 h 7534754"/>
              <a:gd name="connsiteX200" fmla="*/ 1875784 w 3845787"/>
              <a:gd name="connsiteY200" fmla="*/ 1886205 h 7534754"/>
              <a:gd name="connsiteX201" fmla="*/ 1844488 w 3845787"/>
              <a:gd name="connsiteY201" fmla="*/ 1869815 h 7534754"/>
              <a:gd name="connsiteX202" fmla="*/ 1902908 w 3845787"/>
              <a:gd name="connsiteY202" fmla="*/ 1677908 h 7534754"/>
              <a:gd name="connsiteX203" fmla="*/ 1908090 w 3845787"/>
              <a:gd name="connsiteY203" fmla="*/ 1259945 h 7534754"/>
              <a:gd name="connsiteX204" fmla="*/ 1943723 w 3845787"/>
              <a:gd name="connsiteY204" fmla="*/ 1259945 h 7534754"/>
              <a:gd name="connsiteX205" fmla="*/ 1943723 w 3845787"/>
              <a:gd name="connsiteY205" fmla="*/ 1471265 h 7534754"/>
              <a:gd name="connsiteX206" fmla="*/ 1908090 w 3845787"/>
              <a:gd name="connsiteY206" fmla="*/ 1471265 h 7534754"/>
              <a:gd name="connsiteX207" fmla="*/ 1908090 w 3845787"/>
              <a:gd name="connsiteY207" fmla="*/ 838953 h 7534754"/>
              <a:gd name="connsiteX208" fmla="*/ 1943723 w 3845787"/>
              <a:gd name="connsiteY208" fmla="*/ 838953 h 7534754"/>
              <a:gd name="connsiteX209" fmla="*/ 1943723 w 3845787"/>
              <a:gd name="connsiteY209" fmla="*/ 1050273 h 7534754"/>
              <a:gd name="connsiteX210" fmla="*/ 1908090 w 3845787"/>
              <a:gd name="connsiteY210" fmla="*/ 1050273 h 7534754"/>
              <a:gd name="connsiteX211" fmla="*/ 1908090 w 3845787"/>
              <a:gd name="connsiteY211" fmla="*/ 417962 h 7534754"/>
              <a:gd name="connsiteX212" fmla="*/ 1943723 w 3845787"/>
              <a:gd name="connsiteY212" fmla="*/ 417962 h 7534754"/>
              <a:gd name="connsiteX213" fmla="*/ 1943723 w 3845787"/>
              <a:gd name="connsiteY213" fmla="*/ 629282 h 7534754"/>
              <a:gd name="connsiteX214" fmla="*/ 1908090 w 3845787"/>
              <a:gd name="connsiteY214" fmla="*/ 629282 h 7534754"/>
              <a:gd name="connsiteX215" fmla="*/ 1908090 w 3845787"/>
              <a:gd name="connsiteY215" fmla="*/ 0 h 7534754"/>
              <a:gd name="connsiteX216" fmla="*/ 1943723 w 3845787"/>
              <a:gd name="connsiteY216" fmla="*/ 0 h 7534754"/>
              <a:gd name="connsiteX217" fmla="*/ 1943723 w 3845787"/>
              <a:gd name="connsiteY217" fmla="*/ 211320 h 7534754"/>
              <a:gd name="connsiteX218" fmla="*/ 1908090 w 3845787"/>
              <a:gd name="connsiteY218" fmla="*/ 211320 h 7534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Lst>
            <a:rect l="l" t="t" r="r" b="b"/>
            <a:pathLst>
              <a:path w="3845787" h="7534754">
                <a:moveTo>
                  <a:pt x="1902033" y="7323434"/>
                </a:moveTo>
                <a:lnTo>
                  <a:pt x="1937679" y="7323434"/>
                </a:lnTo>
                <a:lnTo>
                  <a:pt x="1937679" y="7534754"/>
                </a:lnTo>
                <a:lnTo>
                  <a:pt x="1902033" y="7534754"/>
                </a:lnTo>
                <a:close/>
                <a:moveTo>
                  <a:pt x="2031274" y="6923643"/>
                </a:moveTo>
                <a:lnTo>
                  <a:pt x="2058837" y="6945474"/>
                </a:lnTo>
                <a:cubicBezTo>
                  <a:pt x="2015426" y="6998689"/>
                  <a:pt x="1983729" y="7058043"/>
                  <a:pt x="1963057" y="7122856"/>
                </a:cubicBezTo>
                <a:lnTo>
                  <a:pt x="1929292" y="7112622"/>
                </a:lnTo>
                <a:cubicBezTo>
                  <a:pt x="1951342" y="7043716"/>
                  <a:pt x="1985796" y="6980268"/>
                  <a:pt x="2031274" y="6923643"/>
                </a:cubicBezTo>
                <a:close/>
                <a:moveTo>
                  <a:pt x="2395606" y="6711633"/>
                </a:moveTo>
                <a:lnTo>
                  <a:pt x="2401087" y="6746880"/>
                </a:lnTo>
                <a:cubicBezTo>
                  <a:pt x="2333939" y="6757246"/>
                  <a:pt x="2269531" y="6780053"/>
                  <a:pt x="2210605" y="6813918"/>
                </a:cubicBezTo>
                <a:lnTo>
                  <a:pt x="2192790" y="6784200"/>
                </a:lnTo>
                <a:cubicBezTo>
                  <a:pt x="2255827" y="6746880"/>
                  <a:pt x="2323661" y="6722691"/>
                  <a:pt x="2395606" y="6711633"/>
                </a:cubicBezTo>
                <a:close/>
                <a:moveTo>
                  <a:pt x="3028715" y="6702544"/>
                </a:moveTo>
                <a:lnTo>
                  <a:pt x="3237014" y="6702544"/>
                </a:lnTo>
                <a:lnTo>
                  <a:pt x="3237014" y="6738190"/>
                </a:lnTo>
                <a:lnTo>
                  <a:pt x="3028715" y="6738190"/>
                </a:lnTo>
                <a:close/>
                <a:moveTo>
                  <a:pt x="2607726" y="6702544"/>
                </a:moveTo>
                <a:lnTo>
                  <a:pt x="2819046" y="6702544"/>
                </a:lnTo>
                <a:lnTo>
                  <a:pt x="2819046" y="6738190"/>
                </a:lnTo>
                <a:lnTo>
                  <a:pt x="2607726" y="6738190"/>
                </a:lnTo>
                <a:close/>
                <a:moveTo>
                  <a:pt x="3617162" y="6575338"/>
                </a:moveTo>
                <a:lnTo>
                  <a:pt x="3639830" y="6602267"/>
                </a:lnTo>
                <a:cubicBezTo>
                  <a:pt x="3583503" y="6649219"/>
                  <a:pt x="3520992" y="6685124"/>
                  <a:pt x="3451613" y="6707910"/>
                </a:cubicBezTo>
                <a:lnTo>
                  <a:pt x="3440622" y="6674767"/>
                </a:lnTo>
                <a:cubicBezTo>
                  <a:pt x="3505193" y="6652672"/>
                  <a:pt x="3564956" y="6619529"/>
                  <a:pt x="3617162" y="6575338"/>
                </a:cubicBezTo>
                <a:close/>
                <a:moveTo>
                  <a:pt x="3810378" y="6227039"/>
                </a:moveTo>
                <a:lnTo>
                  <a:pt x="3845776" y="6231835"/>
                </a:lnTo>
                <a:cubicBezTo>
                  <a:pt x="3835365" y="6303779"/>
                  <a:pt x="3812460" y="6372297"/>
                  <a:pt x="3777062" y="6435334"/>
                </a:cubicBezTo>
                <a:lnTo>
                  <a:pt x="3746523" y="6418889"/>
                </a:lnTo>
                <a:cubicBezTo>
                  <a:pt x="3779839" y="6359279"/>
                  <a:pt x="3801355" y="6294872"/>
                  <a:pt x="3810378" y="6227039"/>
                </a:cubicBezTo>
                <a:close/>
                <a:moveTo>
                  <a:pt x="3745764" y="5821189"/>
                </a:moveTo>
                <a:cubicBezTo>
                  <a:pt x="3786968" y="5881115"/>
                  <a:pt x="3816498" y="5947240"/>
                  <a:pt x="3833666" y="6018187"/>
                </a:cubicBezTo>
                <a:lnTo>
                  <a:pt x="3799329" y="6026453"/>
                </a:lnTo>
                <a:cubicBezTo>
                  <a:pt x="3783534" y="5960328"/>
                  <a:pt x="3755378" y="5897646"/>
                  <a:pt x="3716234" y="5841164"/>
                </a:cubicBezTo>
                <a:close/>
                <a:moveTo>
                  <a:pt x="3393655" y="5584951"/>
                </a:moveTo>
                <a:cubicBezTo>
                  <a:pt x="3465052" y="5600707"/>
                  <a:pt x="3530957" y="5629480"/>
                  <a:pt x="3591369" y="5670584"/>
                </a:cubicBezTo>
                <a:lnTo>
                  <a:pt x="3571461" y="5699357"/>
                </a:lnTo>
                <a:cubicBezTo>
                  <a:pt x="3515167" y="5660993"/>
                  <a:pt x="3452695" y="5633590"/>
                  <a:pt x="3386103" y="5618519"/>
                </a:cubicBezTo>
                <a:close/>
                <a:moveTo>
                  <a:pt x="2971172" y="5569805"/>
                </a:moveTo>
                <a:lnTo>
                  <a:pt x="3182492" y="5569805"/>
                </a:lnTo>
                <a:lnTo>
                  <a:pt x="3182492" y="5605451"/>
                </a:lnTo>
                <a:lnTo>
                  <a:pt x="2971172" y="5605451"/>
                </a:lnTo>
                <a:close/>
                <a:moveTo>
                  <a:pt x="2550180" y="5569805"/>
                </a:moveTo>
                <a:lnTo>
                  <a:pt x="2761500" y="5569805"/>
                </a:lnTo>
                <a:lnTo>
                  <a:pt x="2761500" y="5605451"/>
                </a:lnTo>
                <a:lnTo>
                  <a:pt x="2550180" y="5605451"/>
                </a:lnTo>
                <a:close/>
                <a:moveTo>
                  <a:pt x="2132217" y="5569805"/>
                </a:moveTo>
                <a:lnTo>
                  <a:pt x="2343537" y="5569805"/>
                </a:lnTo>
                <a:lnTo>
                  <a:pt x="2343537" y="5605451"/>
                </a:lnTo>
                <a:lnTo>
                  <a:pt x="2132217" y="5605451"/>
                </a:lnTo>
                <a:close/>
                <a:moveTo>
                  <a:pt x="1711227" y="5569805"/>
                </a:moveTo>
                <a:lnTo>
                  <a:pt x="1922547" y="5569805"/>
                </a:lnTo>
                <a:lnTo>
                  <a:pt x="1922547" y="5605451"/>
                </a:lnTo>
                <a:lnTo>
                  <a:pt x="1711227" y="5605451"/>
                </a:lnTo>
                <a:close/>
                <a:moveTo>
                  <a:pt x="1293264" y="5569805"/>
                </a:moveTo>
                <a:lnTo>
                  <a:pt x="1501561" y="5569805"/>
                </a:lnTo>
                <a:lnTo>
                  <a:pt x="1501561" y="5605451"/>
                </a:lnTo>
                <a:lnTo>
                  <a:pt x="1293264" y="5605451"/>
                </a:lnTo>
                <a:close/>
                <a:moveTo>
                  <a:pt x="872272" y="5569805"/>
                </a:moveTo>
                <a:lnTo>
                  <a:pt x="1083591" y="5569805"/>
                </a:lnTo>
                <a:lnTo>
                  <a:pt x="1083591" y="5605451"/>
                </a:lnTo>
                <a:lnTo>
                  <a:pt x="872272" y="5605451"/>
                </a:lnTo>
                <a:close/>
                <a:moveTo>
                  <a:pt x="456548" y="5554664"/>
                </a:moveTo>
                <a:cubicBezTo>
                  <a:pt x="498035" y="5564538"/>
                  <a:pt x="540905" y="5569475"/>
                  <a:pt x="584466" y="5569475"/>
                </a:cubicBezTo>
                <a:lnTo>
                  <a:pt x="662599" y="5569475"/>
                </a:lnTo>
                <a:lnTo>
                  <a:pt x="662599" y="5605445"/>
                </a:lnTo>
                <a:lnTo>
                  <a:pt x="584466" y="5605445"/>
                </a:lnTo>
                <a:cubicBezTo>
                  <a:pt x="538139" y="5605445"/>
                  <a:pt x="492503" y="5600508"/>
                  <a:pt x="448251" y="5589224"/>
                </a:cubicBezTo>
                <a:close/>
                <a:moveTo>
                  <a:pt x="129407" y="5327507"/>
                </a:moveTo>
                <a:cubicBezTo>
                  <a:pt x="167771" y="5383683"/>
                  <a:pt x="215725" y="5432323"/>
                  <a:pt x="271901" y="5470687"/>
                </a:cubicBezTo>
                <a:lnTo>
                  <a:pt x="252034" y="5499460"/>
                </a:lnTo>
                <a:cubicBezTo>
                  <a:pt x="192433" y="5458355"/>
                  <a:pt x="141739" y="5406975"/>
                  <a:pt x="99950" y="5347374"/>
                </a:cubicBezTo>
                <a:close/>
                <a:moveTo>
                  <a:pt x="6348" y="4936804"/>
                </a:moveTo>
                <a:lnTo>
                  <a:pt x="41614" y="4941598"/>
                </a:lnTo>
                <a:cubicBezTo>
                  <a:pt x="38088" y="4967621"/>
                  <a:pt x="35972" y="4992960"/>
                  <a:pt x="35972" y="5018984"/>
                </a:cubicBezTo>
                <a:cubicBezTo>
                  <a:pt x="35972" y="5061444"/>
                  <a:pt x="40909" y="5103219"/>
                  <a:pt x="50783" y="5142939"/>
                </a:cubicBezTo>
                <a:lnTo>
                  <a:pt x="15517" y="5151157"/>
                </a:lnTo>
                <a:cubicBezTo>
                  <a:pt x="5642" y="5108012"/>
                  <a:pt x="0" y="5064183"/>
                  <a:pt x="0" y="5018984"/>
                </a:cubicBezTo>
                <a:cubicBezTo>
                  <a:pt x="0" y="4991591"/>
                  <a:pt x="2116" y="4964197"/>
                  <a:pt x="6348" y="4936804"/>
                </a:cubicBezTo>
                <a:close/>
                <a:moveTo>
                  <a:pt x="213603" y="4567303"/>
                </a:moveTo>
                <a:lnTo>
                  <a:pt x="235555" y="4594289"/>
                </a:lnTo>
                <a:cubicBezTo>
                  <a:pt x="182734" y="4638574"/>
                  <a:pt x="139517" y="4691162"/>
                  <a:pt x="105903" y="4751362"/>
                </a:cubicBezTo>
                <a:lnTo>
                  <a:pt x="75720" y="4733371"/>
                </a:lnTo>
                <a:cubicBezTo>
                  <a:pt x="111391" y="4669712"/>
                  <a:pt x="157352" y="4613663"/>
                  <a:pt x="213603" y="4567303"/>
                </a:cubicBezTo>
                <a:close/>
                <a:moveTo>
                  <a:pt x="584408" y="4434039"/>
                </a:moveTo>
                <a:lnTo>
                  <a:pt x="614140" y="4434039"/>
                </a:lnTo>
                <a:lnTo>
                  <a:pt x="614140" y="4469684"/>
                </a:lnTo>
                <a:lnTo>
                  <a:pt x="584408" y="4469684"/>
                </a:lnTo>
                <a:cubicBezTo>
                  <a:pt x="524944" y="4469684"/>
                  <a:pt x="466171" y="4478770"/>
                  <a:pt x="410855" y="4496942"/>
                </a:cubicBezTo>
                <a:lnTo>
                  <a:pt x="399792" y="4463394"/>
                </a:lnTo>
                <a:cubicBezTo>
                  <a:pt x="459256" y="4443824"/>
                  <a:pt x="520795" y="4434039"/>
                  <a:pt x="584408" y="4434039"/>
                </a:cubicBezTo>
                <a:close/>
                <a:moveTo>
                  <a:pt x="2922713" y="4434037"/>
                </a:moveTo>
                <a:lnTo>
                  <a:pt x="3134033" y="4434037"/>
                </a:lnTo>
                <a:lnTo>
                  <a:pt x="3134033" y="4469683"/>
                </a:lnTo>
                <a:lnTo>
                  <a:pt x="2922713" y="4469683"/>
                </a:lnTo>
                <a:close/>
                <a:moveTo>
                  <a:pt x="2501720" y="4434037"/>
                </a:moveTo>
                <a:lnTo>
                  <a:pt x="2713040" y="4434037"/>
                </a:lnTo>
                <a:lnTo>
                  <a:pt x="2713040" y="4469683"/>
                </a:lnTo>
                <a:lnTo>
                  <a:pt x="2501720" y="4469683"/>
                </a:lnTo>
                <a:close/>
                <a:moveTo>
                  <a:pt x="2083758" y="4434037"/>
                </a:moveTo>
                <a:lnTo>
                  <a:pt x="2295078" y="4434037"/>
                </a:lnTo>
                <a:lnTo>
                  <a:pt x="2295078" y="4469683"/>
                </a:lnTo>
                <a:lnTo>
                  <a:pt x="2083758" y="4469683"/>
                </a:lnTo>
                <a:close/>
                <a:moveTo>
                  <a:pt x="1662767" y="4434037"/>
                </a:moveTo>
                <a:lnTo>
                  <a:pt x="1874086" y="4434037"/>
                </a:lnTo>
                <a:lnTo>
                  <a:pt x="1874086" y="4469683"/>
                </a:lnTo>
                <a:lnTo>
                  <a:pt x="1662767" y="4469683"/>
                </a:lnTo>
                <a:close/>
                <a:moveTo>
                  <a:pt x="1244805" y="4434037"/>
                </a:moveTo>
                <a:lnTo>
                  <a:pt x="1456124" y="4434037"/>
                </a:lnTo>
                <a:lnTo>
                  <a:pt x="1456124" y="4469683"/>
                </a:lnTo>
                <a:lnTo>
                  <a:pt x="1244805" y="4469683"/>
                </a:lnTo>
                <a:close/>
                <a:moveTo>
                  <a:pt x="823810" y="4434037"/>
                </a:moveTo>
                <a:lnTo>
                  <a:pt x="1032109" y="4434037"/>
                </a:lnTo>
                <a:lnTo>
                  <a:pt x="1032109" y="4469683"/>
                </a:lnTo>
                <a:lnTo>
                  <a:pt x="823810" y="4469683"/>
                </a:lnTo>
                <a:close/>
                <a:moveTo>
                  <a:pt x="3531841" y="4364376"/>
                </a:moveTo>
                <a:lnTo>
                  <a:pt x="3548970" y="4395394"/>
                </a:lnTo>
                <a:cubicBezTo>
                  <a:pt x="3485933" y="4430549"/>
                  <a:pt x="3417415" y="4453985"/>
                  <a:pt x="3345472" y="4463635"/>
                </a:cubicBezTo>
                <a:lnTo>
                  <a:pt x="3340675" y="4429170"/>
                </a:lnTo>
                <a:cubicBezTo>
                  <a:pt x="3407823" y="4419520"/>
                  <a:pt x="3472915" y="4398152"/>
                  <a:pt x="3531841" y="4364376"/>
                </a:cubicBezTo>
                <a:close/>
                <a:moveTo>
                  <a:pt x="3785376" y="4058479"/>
                </a:moveTo>
                <a:lnTo>
                  <a:pt x="3818520" y="4069470"/>
                </a:lnTo>
                <a:cubicBezTo>
                  <a:pt x="3795734" y="4138849"/>
                  <a:pt x="3760519" y="4201359"/>
                  <a:pt x="3713566" y="4257687"/>
                </a:cubicBezTo>
                <a:lnTo>
                  <a:pt x="3685947" y="4235705"/>
                </a:lnTo>
                <a:cubicBezTo>
                  <a:pt x="3730138" y="4182812"/>
                  <a:pt x="3763971" y="4123050"/>
                  <a:pt x="3785376" y="4058479"/>
                </a:cubicBezTo>
                <a:close/>
                <a:moveTo>
                  <a:pt x="3796041" y="3649601"/>
                </a:moveTo>
                <a:cubicBezTo>
                  <a:pt x="3826024" y="3715897"/>
                  <a:pt x="3842379" y="3786337"/>
                  <a:pt x="3845787" y="3859539"/>
                </a:cubicBezTo>
                <a:lnTo>
                  <a:pt x="3811033" y="3860920"/>
                </a:lnTo>
                <a:cubicBezTo>
                  <a:pt x="3807625" y="3791862"/>
                  <a:pt x="3791952" y="3726947"/>
                  <a:pt x="3764694" y="3664103"/>
                </a:cubicBezTo>
                <a:close/>
                <a:moveTo>
                  <a:pt x="3496654" y="3349757"/>
                </a:moveTo>
                <a:cubicBezTo>
                  <a:pt x="3562756" y="3377741"/>
                  <a:pt x="3622043" y="3418010"/>
                  <a:pt x="3673153" y="3469199"/>
                </a:cubicBezTo>
                <a:lnTo>
                  <a:pt x="3648620" y="3494453"/>
                </a:lnTo>
                <a:cubicBezTo>
                  <a:pt x="3600917" y="3445993"/>
                  <a:pt x="3544356" y="3408454"/>
                  <a:pt x="3483024" y="3381153"/>
                </a:cubicBezTo>
                <a:close/>
                <a:moveTo>
                  <a:pt x="3077176" y="3301298"/>
                </a:moveTo>
                <a:lnTo>
                  <a:pt x="3264406" y="3301298"/>
                </a:lnTo>
                <a:cubicBezTo>
                  <a:pt x="3272666" y="3301298"/>
                  <a:pt x="3280238" y="3301298"/>
                  <a:pt x="3288498" y="3301298"/>
                </a:cubicBezTo>
                <a:lnTo>
                  <a:pt x="3287121" y="3336944"/>
                </a:lnTo>
                <a:cubicBezTo>
                  <a:pt x="3279549" y="3336944"/>
                  <a:pt x="3271978" y="3336245"/>
                  <a:pt x="3264406" y="3336245"/>
                </a:cubicBezTo>
                <a:lnTo>
                  <a:pt x="3077176" y="3336245"/>
                </a:lnTo>
                <a:close/>
                <a:moveTo>
                  <a:pt x="2656186" y="3301298"/>
                </a:moveTo>
                <a:lnTo>
                  <a:pt x="2867506" y="3301298"/>
                </a:lnTo>
                <a:lnTo>
                  <a:pt x="2867506" y="3336930"/>
                </a:lnTo>
                <a:lnTo>
                  <a:pt x="2656186" y="3336930"/>
                </a:lnTo>
                <a:close/>
                <a:moveTo>
                  <a:pt x="2238223" y="3301298"/>
                </a:moveTo>
                <a:lnTo>
                  <a:pt x="2449543" y="3301298"/>
                </a:lnTo>
                <a:lnTo>
                  <a:pt x="2449543" y="3336930"/>
                </a:lnTo>
                <a:lnTo>
                  <a:pt x="2238223" y="3336930"/>
                </a:lnTo>
                <a:close/>
                <a:moveTo>
                  <a:pt x="1817229" y="3301298"/>
                </a:moveTo>
                <a:lnTo>
                  <a:pt x="2025528" y="3301298"/>
                </a:lnTo>
                <a:lnTo>
                  <a:pt x="2025528" y="3336930"/>
                </a:lnTo>
                <a:lnTo>
                  <a:pt x="1817229" y="3336930"/>
                </a:lnTo>
                <a:close/>
                <a:moveTo>
                  <a:pt x="1399268" y="3301298"/>
                </a:moveTo>
                <a:lnTo>
                  <a:pt x="1610587" y="3301298"/>
                </a:lnTo>
                <a:lnTo>
                  <a:pt x="1610587" y="3336930"/>
                </a:lnTo>
                <a:lnTo>
                  <a:pt x="1399268" y="3336930"/>
                </a:lnTo>
                <a:close/>
                <a:moveTo>
                  <a:pt x="978278" y="3301298"/>
                </a:moveTo>
                <a:lnTo>
                  <a:pt x="1189597" y="3301298"/>
                </a:lnTo>
                <a:lnTo>
                  <a:pt x="1189597" y="3336930"/>
                </a:lnTo>
                <a:lnTo>
                  <a:pt x="978278" y="3336930"/>
                </a:lnTo>
                <a:close/>
                <a:moveTo>
                  <a:pt x="559350" y="3301298"/>
                </a:moveTo>
                <a:cubicBezTo>
                  <a:pt x="567610" y="3301997"/>
                  <a:pt x="575870" y="3301997"/>
                  <a:pt x="584819" y="3301997"/>
                </a:cubicBezTo>
                <a:lnTo>
                  <a:pt x="768606" y="3301997"/>
                </a:lnTo>
                <a:lnTo>
                  <a:pt x="768606" y="3336944"/>
                </a:lnTo>
                <a:lnTo>
                  <a:pt x="584819" y="3336944"/>
                </a:lnTo>
                <a:cubicBezTo>
                  <a:pt x="575182" y="3336944"/>
                  <a:pt x="566233" y="3336944"/>
                  <a:pt x="557285" y="3336944"/>
                </a:cubicBezTo>
                <a:close/>
                <a:moveTo>
                  <a:pt x="194142" y="3140775"/>
                </a:moveTo>
                <a:cubicBezTo>
                  <a:pt x="241845" y="3189320"/>
                  <a:pt x="298407" y="3228156"/>
                  <a:pt x="359738" y="3256589"/>
                </a:cubicBezTo>
                <a:lnTo>
                  <a:pt x="345428" y="3288489"/>
                </a:lnTo>
                <a:cubicBezTo>
                  <a:pt x="280007" y="3258670"/>
                  <a:pt x="220720" y="3217754"/>
                  <a:pt x="169610" y="3165741"/>
                </a:cubicBezTo>
                <a:close/>
                <a:moveTo>
                  <a:pt x="35049" y="2777331"/>
                </a:moveTo>
                <a:cubicBezTo>
                  <a:pt x="37797" y="2845477"/>
                  <a:pt x="52916" y="2912247"/>
                  <a:pt x="81091" y="2974886"/>
                </a:cubicBezTo>
                <a:lnTo>
                  <a:pt x="48792" y="2988653"/>
                </a:lnTo>
                <a:cubicBezTo>
                  <a:pt x="19930" y="2921884"/>
                  <a:pt x="3438" y="2851673"/>
                  <a:pt x="2" y="2778708"/>
                </a:cubicBezTo>
                <a:close/>
                <a:moveTo>
                  <a:pt x="135386" y="2377540"/>
                </a:moveTo>
                <a:lnTo>
                  <a:pt x="162863" y="2400895"/>
                </a:lnTo>
                <a:cubicBezTo>
                  <a:pt x="118213" y="2453102"/>
                  <a:pt x="85241" y="2512177"/>
                  <a:pt x="63259" y="2576748"/>
                </a:cubicBezTo>
                <a:lnTo>
                  <a:pt x="30287" y="2565757"/>
                </a:lnTo>
                <a:cubicBezTo>
                  <a:pt x="52955" y="2496378"/>
                  <a:pt x="88675" y="2433868"/>
                  <a:pt x="135386" y="2377540"/>
                </a:cubicBezTo>
                <a:close/>
                <a:moveTo>
                  <a:pt x="504028" y="2171586"/>
                </a:moveTo>
                <a:lnTo>
                  <a:pt x="508140" y="2206291"/>
                </a:lnTo>
                <a:cubicBezTo>
                  <a:pt x="440992" y="2215314"/>
                  <a:pt x="376585" y="2237525"/>
                  <a:pt x="316974" y="2270841"/>
                </a:cubicBezTo>
                <a:lnTo>
                  <a:pt x="299845" y="2239607"/>
                </a:lnTo>
                <a:cubicBezTo>
                  <a:pt x="363567" y="2204208"/>
                  <a:pt x="432085" y="2181303"/>
                  <a:pt x="504028" y="2171586"/>
                </a:cubicBezTo>
                <a:close/>
                <a:moveTo>
                  <a:pt x="1138799" y="2168558"/>
                </a:moveTo>
                <a:lnTo>
                  <a:pt x="1350118" y="2168558"/>
                </a:lnTo>
                <a:lnTo>
                  <a:pt x="1350118" y="2204204"/>
                </a:lnTo>
                <a:lnTo>
                  <a:pt x="1138799" y="2204204"/>
                </a:lnTo>
                <a:close/>
                <a:moveTo>
                  <a:pt x="717808" y="2168558"/>
                </a:moveTo>
                <a:lnTo>
                  <a:pt x="926105" y="2168558"/>
                </a:lnTo>
                <a:lnTo>
                  <a:pt x="926105" y="2204204"/>
                </a:lnTo>
                <a:lnTo>
                  <a:pt x="717808" y="2204204"/>
                </a:lnTo>
                <a:close/>
                <a:moveTo>
                  <a:pt x="1721301" y="2029240"/>
                </a:moveTo>
                <a:lnTo>
                  <a:pt x="1743858" y="2055135"/>
                </a:lnTo>
                <a:cubicBezTo>
                  <a:pt x="1689857" y="2102836"/>
                  <a:pt x="1627653" y="2139635"/>
                  <a:pt x="1559980" y="2164849"/>
                </a:cubicBezTo>
                <a:lnTo>
                  <a:pt x="1547676" y="2132139"/>
                </a:lnTo>
                <a:cubicBezTo>
                  <a:pt x="1611931" y="2108969"/>
                  <a:pt x="1670033" y="2074215"/>
                  <a:pt x="1721301" y="2029240"/>
                </a:cubicBezTo>
                <a:close/>
                <a:moveTo>
                  <a:pt x="1902908" y="1677908"/>
                </a:moveTo>
                <a:lnTo>
                  <a:pt x="1937682" y="1681323"/>
                </a:lnTo>
                <a:cubicBezTo>
                  <a:pt x="1930032" y="1753032"/>
                  <a:pt x="1909863" y="1822009"/>
                  <a:pt x="1875784" y="1886205"/>
                </a:cubicBezTo>
                <a:lnTo>
                  <a:pt x="1844488" y="1869815"/>
                </a:lnTo>
                <a:cubicBezTo>
                  <a:pt x="1876480" y="1809716"/>
                  <a:pt x="1895953" y="1745520"/>
                  <a:pt x="1902908" y="1677908"/>
                </a:cubicBezTo>
                <a:close/>
                <a:moveTo>
                  <a:pt x="1908090" y="1259945"/>
                </a:moveTo>
                <a:lnTo>
                  <a:pt x="1943723" y="1259945"/>
                </a:lnTo>
                <a:lnTo>
                  <a:pt x="1943723" y="1471265"/>
                </a:lnTo>
                <a:lnTo>
                  <a:pt x="1908090" y="1471265"/>
                </a:lnTo>
                <a:close/>
                <a:moveTo>
                  <a:pt x="1908090" y="838953"/>
                </a:moveTo>
                <a:lnTo>
                  <a:pt x="1943723" y="838953"/>
                </a:lnTo>
                <a:lnTo>
                  <a:pt x="1943723" y="1050273"/>
                </a:lnTo>
                <a:lnTo>
                  <a:pt x="1908090" y="1050273"/>
                </a:lnTo>
                <a:close/>
                <a:moveTo>
                  <a:pt x="1908090" y="417962"/>
                </a:moveTo>
                <a:lnTo>
                  <a:pt x="1943723" y="417962"/>
                </a:lnTo>
                <a:lnTo>
                  <a:pt x="1943723" y="629282"/>
                </a:lnTo>
                <a:lnTo>
                  <a:pt x="1908090" y="629282"/>
                </a:lnTo>
                <a:close/>
                <a:moveTo>
                  <a:pt x="1908090" y="0"/>
                </a:moveTo>
                <a:lnTo>
                  <a:pt x="1943723" y="0"/>
                </a:lnTo>
                <a:lnTo>
                  <a:pt x="1943723" y="211320"/>
                </a:lnTo>
                <a:lnTo>
                  <a:pt x="1908090" y="211320"/>
                </a:lnTo>
                <a:close/>
              </a:path>
            </a:pathLst>
          </a:custGeom>
          <a:solidFill>
            <a:schemeClr val="bg1">
              <a:alpha val="56000"/>
            </a:schemeClr>
          </a:solidFill>
          <a:ln>
            <a:noFill/>
          </a:ln>
          <a:effectLst/>
        </p:spPr>
        <p:txBody>
          <a:bodyPr wrap="square" anchor="ctr">
            <a:noAutofit/>
          </a:bodyP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5" name="Freeform 4">
            <a:extLst>
              <a:ext uri="{FF2B5EF4-FFF2-40B4-BE49-F238E27FC236}">
                <a16:creationId xmlns:a16="http://schemas.microsoft.com/office/drawing/2014/main" id="{BBE42384-B404-E6E7-F310-54515C485584}"/>
              </a:ext>
            </a:extLst>
          </p:cNvPr>
          <p:cNvSpPr>
            <a:spLocks noChangeArrowheads="1"/>
          </p:cNvSpPr>
          <p:nvPr/>
        </p:nvSpPr>
        <p:spPr bwMode="auto">
          <a:xfrm>
            <a:off x="8294840" y="464895"/>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E4E5EA"/>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6" name="Freeform 4">
            <a:extLst>
              <a:ext uri="{FF2B5EF4-FFF2-40B4-BE49-F238E27FC236}">
                <a16:creationId xmlns:a16="http://schemas.microsoft.com/office/drawing/2014/main" id="{4AEE9B34-8BD8-EE64-2A8F-311DE2CCFB48}"/>
              </a:ext>
            </a:extLst>
          </p:cNvPr>
          <p:cNvSpPr>
            <a:spLocks noChangeArrowheads="1"/>
          </p:cNvSpPr>
          <p:nvPr/>
        </p:nvSpPr>
        <p:spPr bwMode="auto">
          <a:xfrm>
            <a:off x="9374116" y="5105446"/>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7" name="Freeform 4">
            <a:extLst>
              <a:ext uri="{FF2B5EF4-FFF2-40B4-BE49-F238E27FC236}">
                <a16:creationId xmlns:a16="http://schemas.microsoft.com/office/drawing/2014/main" id="{0A88DD23-6DC2-CE5A-D8BF-44F052A97D90}"/>
              </a:ext>
            </a:extLst>
          </p:cNvPr>
          <p:cNvSpPr>
            <a:spLocks noChangeArrowheads="1"/>
          </p:cNvSpPr>
          <p:nvPr/>
        </p:nvSpPr>
        <p:spPr bwMode="auto">
          <a:xfrm>
            <a:off x="7151422" y="4064618"/>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8" name="Freeform 4">
            <a:extLst>
              <a:ext uri="{FF2B5EF4-FFF2-40B4-BE49-F238E27FC236}">
                <a16:creationId xmlns:a16="http://schemas.microsoft.com/office/drawing/2014/main" id="{9E1E781B-793D-A90D-C351-E4B15FBD1925}"/>
              </a:ext>
            </a:extLst>
          </p:cNvPr>
          <p:cNvSpPr>
            <a:spLocks noChangeArrowheads="1"/>
          </p:cNvSpPr>
          <p:nvPr/>
        </p:nvSpPr>
        <p:spPr bwMode="auto">
          <a:xfrm>
            <a:off x="7156447" y="2078183"/>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9" name="Freeform 4">
            <a:extLst>
              <a:ext uri="{FF2B5EF4-FFF2-40B4-BE49-F238E27FC236}">
                <a16:creationId xmlns:a16="http://schemas.microsoft.com/office/drawing/2014/main" id="{5A4E002B-2E86-34A2-B54F-907C315359B6}"/>
              </a:ext>
            </a:extLst>
          </p:cNvPr>
          <p:cNvSpPr>
            <a:spLocks noChangeArrowheads="1"/>
          </p:cNvSpPr>
          <p:nvPr/>
        </p:nvSpPr>
        <p:spPr bwMode="auto">
          <a:xfrm>
            <a:off x="9376672" y="3038571"/>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0" name="Billede 109" descr="Et billede, der indeholder sort, mørke&#10;&#10;AI-genereret indhold kan være ukorrekt.">
            <a:extLst>
              <a:ext uri="{FF2B5EF4-FFF2-40B4-BE49-F238E27FC236}">
                <a16:creationId xmlns:a16="http://schemas.microsoft.com/office/drawing/2014/main" id="{A6F21A63-A474-100C-6DBC-347277654173}"/>
              </a:ext>
            </a:extLst>
          </p:cNvPr>
          <p:cNvPicPr>
            <a:picLocks noChangeAspect="1"/>
          </p:cNvPicPr>
          <p:nvPr/>
        </p:nvPicPr>
        <p:blipFill>
          <a:blip r:embed="rId4" cstate="print">
            <a:duotone>
              <a:schemeClr val="accent2">
                <a:shade val="45000"/>
                <a:satMod val="135000"/>
              </a:schemeClr>
              <a:prstClr val="white"/>
            </a:duotone>
            <a:extLst>
              <a:ext uri="{28A0092B-C50C-407E-A947-70E740481C1C}">
                <a14:useLocalDpi xmlns:a14="http://schemas.microsoft.com/office/drawing/2010/main" val="0"/>
              </a:ext>
            </a:extLst>
          </a:blip>
          <a:stretch>
            <a:fillRect/>
          </a:stretch>
        </p:blipFill>
        <p:spPr>
          <a:xfrm>
            <a:off x="8490156" y="590797"/>
            <a:ext cx="577507" cy="577507"/>
          </a:xfrm>
          <a:prstGeom prst="rect">
            <a:avLst/>
          </a:prstGeom>
          <a:ln w="34925">
            <a:noFill/>
          </a:ln>
        </p:spPr>
      </p:pic>
      <p:pic>
        <p:nvPicPr>
          <p:cNvPr id="111" name="Billede 110" descr="Et billede, der indeholder sort, mørke&#10;&#10;AI-genereret indhold kan være ukorrekt.">
            <a:extLst>
              <a:ext uri="{FF2B5EF4-FFF2-40B4-BE49-F238E27FC236}">
                <a16:creationId xmlns:a16="http://schemas.microsoft.com/office/drawing/2014/main" id="{AE9FDAFA-ACBA-A3FD-5C20-BBC6D46B3637}"/>
              </a:ext>
            </a:extLst>
          </p:cNvPr>
          <p:cNvPicPr>
            <a:picLocks noChangeAspect="1"/>
          </p:cNvPicPr>
          <p:nvPr/>
        </p:nvPicPr>
        <p:blipFill>
          <a:blip r:embed="rId5" cstate="print">
            <a:lum bright="70000" contrast="-70000"/>
            <a:extLst>
              <a:ext uri="{28A0092B-C50C-407E-A947-70E740481C1C}">
                <a14:useLocalDpi xmlns:a14="http://schemas.microsoft.com/office/drawing/2010/main" val="0"/>
              </a:ext>
            </a:extLst>
          </a:blip>
          <a:stretch>
            <a:fillRect/>
          </a:stretch>
        </p:blipFill>
        <p:spPr>
          <a:xfrm>
            <a:off x="7292748" y="2230898"/>
            <a:ext cx="636225" cy="636225"/>
          </a:xfrm>
          <a:prstGeom prst="rect">
            <a:avLst/>
          </a:prstGeom>
        </p:spPr>
      </p:pic>
      <p:grpSp>
        <p:nvGrpSpPr>
          <p:cNvPr id="112" name="Gruppe 111">
            <a:extLst>
              <a:ext uri="{FF2B5EF4-FFF2-40B4-BE49-F238E27FC236}">
                <a16:creationId xmlns:a16="http://schemas.microsoft.com/office/drawing/2014/main" id="{AFC9132E-33DC-F63A-A122-CE9B47E74B1C}"/>
              </a:ext>
            </a:extLst>
          </p:cNvPr>
          <p:cNvGrpSpPr/>
          <p:nvPr/>
        </p:nvGrpSpPr>
        <p:grpSpPr>
          <a:xfrm>
            <a:off x="9512202" y="3140854"/>
            <a:ext cx="732373" cy="775330"/>
            <a:chOff x="5893979" y="1530527"/>
            <a:chExt cx="799863" cy="846779"/>
          </a:xfrm>
        </p:grpSpPr>
        <p:pic>
          <p:nvPicPr>
            <p:cNvPr id="113" name="Billede 112" descr="Et billede, der indeholder sort, mørke&#10;&#10;AI-genereret indhold kan være ukorrekt.">
              <a:extLst>
                <a:ext uri="{FF2B5EF4-FFF2-40B4-BE49-F238E27FC236}">
                  <a16:creationId xmlns:a16="http://schemas.microsoft.com/office/drawing/2014/main" id="{C347EC91-2F7E-E79A-645E-DC7036558FE0}"/>
                </a:ext>
              </a:extLst>
            </p:cNvPr>
            <p:cNvPicPr>
              <a:picLocks noChangeAspect="1"/>
            </p:cNvPicPr>
            <p:nvPr/>
          </p:nvPicPr>
          <p:blipFill>
            <a:blip r:embed="rId6" cstate="print">
              <a:lum bright="70000" contrast="-70000"/>
              <a:extLst>
                <a:ext uri="{28A0092B-C50C-407E-A947-70E740481C1C}">
                  <a14:useLocalDpi xmlns:a14="http://schemas.microsoft.com/office/drawing/2010/main" val="0"/>
                </a:ext>
              </a:extLst>
            </a:blip>
            <a:stretch>
              <a:fillRect/>
            </a:stretch>
          </p:blipFill>
          <p:spPr>
            <a:xfrm>
              <a:off x="5909303" y="1530527"/>
              <a:ext cx="769215" cy="764666"/>
            </a:xfrm>
            <a:prstGeom prst="rect">
              <a:avLst/>
            </a:prstGeom>
          </p:spPr>
        </p:pic>
        <p:sp>
          <p:nvSpPr>
            <p:cNvPr id="114" name="Blokbue 113">
              <a:extLst>
                <a:ext uri="{FF2B5EF4-FFF2-40B4-BE49-F238E27FC236}">
                  <a16:creationId xmlns:a16="http://schemas.microsoft.com/office/drawing/2014/main" id="{79119C5B-C1C5-6605-21E5-560D0083E8AE}"/>
                </a:ext>
              </a:extLst>
            </p:cNvPr>
            <p:cNvSpPr/>
            <p:nvPr/>
          </p:nvSpPr>
          <p:spPr bwMode="auto">
            <a:xfrm rot="10583219">
              <a:off x="5893979" y="1621172"/>
              <a:ext cx="799863" cy="655864"/>
            </a:xfrm>
            <a:prstGeom prst="blockArc">
              <a:avLst>
                <a:gd name="adj1" fmla="val 10187759"/>
                <a:gd name="adj2" fmla="val 1328130"/>
                <a:gd name="adj3" fmla="val 33143"/>
              </a:avLst>
            </a:prstGeom>
            <a:solidFill>
              <a:srgbClr val="102B48"/>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nvGrpSpPr>
            <p:cNvPr id="115" name="Gruppe 114">
              <a:extLst>
                <a:ext uri="{FF2B5EF4-FFF2-40B4-BE49-F238E27FC236}">
                  <a16:creationId xmlns:a16="http://schemas.microsoft.com/office/drawing/2014/main" id="{05860299-90E4-8B8E-42E0-88AC131FA4A0}"/>
                </a:ext>
              </a:extLst>
            </p:cNvPr>
            <p:cNvGrpSpPr/>
            <p:nvPr/>
          </p:nvGrpSpPr>
          <p:grpSpPr>
            <a:xfrm>
              <a:off x="5958117" y="1993098"/>
              <a:ext cx="671585" cy="384208"/>
              <a:chOff x="7749287" y="1714250"/>
              <a:chExt cx="671585" cy="384208"/>
            </a:xfrm>
          </p:grpSpPr>
          <p:pic>
            <p:nvPicPr>
              <p:cNvPr id="116" name="Billede 115" descr="Et billede, der indeholder sort, mørke&#10;&#10;AI-genereret indhold kan være ukorrekt.">
                <a:extLst>
                  <a:ext uri="{FF2B5EF4-FFF2-40B4-BE49-F238E27FC236}">
                    <a16:creationId xmlns:a16="http://schemas.microsoft.com/office/drawing/2014/main" id="{A3D622A5-92DB-FE9A-704D-70ABAB6B4801}"/>
                  </a:ext>
                </a:extLst>
              </p:cNvPr>
              <p:cNvPicPr>
                <a:picLocks noChangeAspect="1"/>
              </p:cNvPicPr>
              <p:nvPr/>
            </p:nvPicPr>
            <p:blipFill>
              <a:blip r:embed="rId7" cstate="print">
                <a:lum bright="70000" contrast="-70000"/>
                <a:extLst>
                  <a:ext uri="{BEBA8EAE-BF5A-486C-A8C5-ECC9F3942E4B}">
                    <a14:imgProps xmlns:a14="http://schemas.microsoft.com/office/drawing/2010/main">
                      <a14:imgLayer r:embed="rId8">
                        <a14:imgEffect>
                          <a14:backgroundRemoval t="9961" b="95508" l="1172" r="98633">
                            <a14:foregroundMark x1="64195" y1="46909" x2="76953" y2="46875"/>
                            <a14:foregroundMark x1="3906" y1="47070" x2="37381" y2="46981"/>
                            <a14:foregroundMark x1="42447" y1="50029" x2="4297" y2="53516"/>
                            <a14:foregroundMark x1="76953" y1="46875" x2="63267" y2="48126"/>
                            <a14:foregroundMark x1="4297" y1="53516" x2="89453" y2="97852"/>
                            <a14:foregroundMark x1="89453" y1="97852" x2="3711" y2="96094"/>
                            <a14:foregroundMark x1="3711" y1="96094" x2="80273" y2="90234"/>
                            <a14:foregroundMark x1="80273" y1="90234" x2="49414" y2="72852"/>
                            <a14:foregroundMark x1="83789" y1="63281" x2="99023" y2="65820"/>
                            <a14:foregroundMark x1="17383" y1="73242" x2="90820" y2="95703"/>
                            <a14:foregroundMark x1="90820" y1="95703" x2="95898" y2="95313"/>
                            <a14:foregroundMark x1="11523" y1="76758" x2="1172" y2="84570"/>
                            <a14:foregroundMark x1="13867" y1="47461" x2="24219" y2="46680"/>
                            <a14:foregroundMark x1="50781" y1="56641" x2="64258" y2="55664"/>
                            <a14:foregroundMark x1="67773" y1="54883" x2="24219" y2="57617"/>
                            <a14:foregroundMark x1="38477" y1="40234" x2="1172" y2="39648"/>
                            <a14:foregroundMark x1="22852" y1="51367" x2="19141" y2="45898"/>
                            <a14:foregroundMark x1="30664" y1="34961" x2="30859" y2="38281"/>
                            <a14:foregroundMark x1="42188" y1="50195" x2="50391" y2="55273"/>
                            <a14:foregroundMark x1="62109" y1="56641" x2="63867" y2="58008"/>
                            <a14:foregroundMark x1="75000" y1="57031" x2="78516" y2="55859"/>
                            <a14:foregroundMark x1="89844" y1="47070" x2="88672" y2="47461"/>
                            <a14:foregroundMark x1="82617" y1="48828" x2="82617" y2="48828"/>
                            <a14:foregroundMark x1="82031" y1="49219" x2="82031" y2="49219"/>
                            <a14:foregroundMark x1="76953" y1="47461" x2="76953" y2="47461"/>
                            <a14:foregroundMark x1="72852" y1="47852" x2="72852" y2="47852"/>
                            <a14:foregroundMark x1="75586" y1="45898" x2="75586" y2="45898"/>
                            <a14:foregroundMark x1="73438" y1="45313" x2="84180" y2="45703"/>
                            <a14:foregroundMark x1="82422" y1="42773" x2="37305" y2="58008"/>
                            <a14:foregroundMark x1="85547" y1="45898" x2="85547" y2="45898"/>
                            <a14:backgroundMark x1="0" y1="26563" x2="73242" y2="37891"/>
                            <a14:backgroundMark x1="73242" y1="37891" x2="2930" y2="25586"/>
                            <a14:backgroundMark x1="2930" y1="25586" x2="94727" y2="25391"/>
                            <a14:backgroundMark x1="94727" y1="25391" x2="22852" y2="6445"/>
                            <a14:backgroundMark x1="22852" y1="6445" x2="96680" y2="6836"/>
                            <a14:backgroundMark x1="96680" y1="6836" x2="20508" y2="11719"/>
                            <a14:backgroundMark x1="20508" y1="11719" x2="91211" y2="31055"/>
                            <a14:backgroundMark x1="91211" y1="31055" x2="70313" y2="38867"/>
                            <a14:backgroundMark x1="36901" y1="37736" x2="44141" y2="37109"/>
                            <a14:backgroundMark x1="27411" y1="36229" x2="13477" y2="33984"/>
                            <a14:backgroundMark x1="34626" y1="37391" x2="34130" y2="37311"/>
                            <a14:backgroundMark x1="48633" y1="39648" x2="36917" y2="37760"/>
                            <a14:backgroundMark x1="39844" y1="47852" x2="39844" y2="47852"/>
                            <a14:backgroundMark x1="39063" y1="44531" x2="57813" y2="46680"/>
                            <a14:backgroundMark x1="53906" y1="45313" x2="60203" y2="46983"/>
                            <a14:backgroundMark x1="54657" y1="48856" x2="55469" y2="47070"/>
                            <a14:backgroundMark x1="51973" y1="49762" x2="44141" y2="41797"/>
                            <a14:backgroundMark x1="44336" y1="41016" x2="41211" y2="47461"/>
                            <a14:backgroundMark x1="45117" y1="35742" x2="45705" y2="48563"/>
                            <a14:backgroundMark x1="50391" y1="43555" x2="48242" y2="48047"/>
                            <a14:backgroundMark x1="48633" y1="47852" x2="51953" y2="49609"/>
                            <a14:backgroundMark x1="51953" y1="49609" x2="51583" y2="49894"/>
                          </a14:backgroundRemoval>
                        </a14:imgEffect>
                      </a14:imgLayer>
                    </a14:imgProps>
                  </a:ext>
                  <a:ext uri="{28A0092B-C50C-407E-A947-70E740481C1C}">
                    <a14:useLocalDpi xmlns:a14="http://schemas.microsoft.com/office/drawing/2010/main" val="0"/>
                  </a:ext>
                </a:extLst>
              </a:blip>
              <a:srcRect t="42792" b="-1"/>
              <a:stretch>
                <a:fillRect/>
              </a:stretch>
            </p:blipFill>
            <p:spPr>
              <a:xfrm>
                <a:off x="7749287" y="1714251"/>
                <a:ext cx="671585" cy="384207"/>
              </a:xfrm>
              <a:prstGeom prst="rect">
                <a:avLst/>
              </a:prstGeom>
              <a:solidFill>
                <a:srgbClr val="102B48"/>
              </a:solidFill>
            </p:spPr>
          </p:pic>
          <p:sp>
            <p:nvSpPr>
              <p:cNvPr id="117" name="Rektangel 116">
                <a:extLst>
                  <a:ext uri="{FF2B5EF4-FFF2-40B4-BE49-F238E27FC236}">
                    <a16:creationId xmlns:a16="http://schemas.microsoft.com/office/drawing/2014/main" id="{5EB35BB7-7ACA-D01C-8E94-4E273460D180}"/>
                  </a:ext>
                </a:extLst>
              </p:cNvPr>
              <p:cNvSpPr/>
              <p:nvPr/>
            </p:nvSpPr>
            <p:spPr bwMode="auto">
              <a:xfrm>
                <a:off x="7983538" y="1714250"/>
                <a:ext cx="193675" cy="51049"/>
              </a:xfrm>
              <a:prstGeom prst="rect">
                <a:avLst/>
              </a:prstGeom>
              <a:solidFill>
                <a:srgbClr val="0A1449"/>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grpSp>
      <p:pic>
        <p:nvPicPr>
          <p:cNvPr id="118" name="Billede 117" descr="Et billede, der indeholder sort, mørke&#10;&#10;AI-genereret indhold kan være ukorrekt.">
            <a:extLst>
              <a:ext uri="{FF2B5EF4-FFF2-40B4-BE49-F238E27FC236}">
                <a16:creationId xmlns:a16="http://schemas.microsoft.com/office/drawing/2014/main" id="{07CA7E0D-17F1-B464-5466-BFD0E584DCEE}"/>
              </a:ext>
            </a:extLst>
          </p:cNvPr>
          <p:cNvPicPr>
            <a:picLocks noChangeAspect="1"/>
          </p:cNvPicPr>
          <p:nvPr/>
        </p:nvPicPr>
        <p:blipFill>
          <a:blip r:embed="rId9" cstate="print">
            <a:lum bright="70000" contrast="-70000"/>
            <a:extLst>
              <a:ext uri="{28A0092B-C50C-407E-A947-70E740481C1C}">
                <a14:useLocalDpi xmlns:a14="http://schemas.microsoft.com/office/drawing/2010/main" val="0"/>
              </a:ext>
            </a:extLst>
          </a:blip>
          <a:stretch>
            <a:fillRect/>
          </a:stretch>
        </p:blipFill>
        <p:spPr>
          <a:xfrm>
            <a:off x="9518921" y="5277982"/>
            <a:ext cx="710317" cy="710317"/>
          </a:xfrm>
          <a:prstGeom prst="rect">
            <a:avLst/>
          </a:prstGeom>
        </p:spPr>
      </p:pic>
      <p:pic>
        <p:nvPicPr>
          <p:cNvPr id="119" name="Billede 118" descr="Et billede, der indeholder sort, mørke&#10;&#10;AI-genereret indhold kan være ukorrekt.">
            <a:extLst>
              <a:ext uri="{FF2B5EF4-FFF2-40B4-BE49-F238E27FC236}">
                <a16:creationId xmlns:a16="http://schemas.microsoft.com/office/drawing/2014/main" id="{2E84EAD8-ECD9-B761-6503-CFF16857AFD4}"/>
              </a:ext>
            </a:extLst>
          </p:cNvPr>
          <p:cNvPicPr>
            <a:picLocks noChangeAspect="1"/>
          </p:cNvPicPr>
          <p:nvPr/>
        </p:nvPicPr>
        <p:blipFill>
          <a:blip r:embed="rId10" cstate="print">
            <a:lum bright="70000" contrast="-70000"/>
            <a:extLst>
              <a:ext uri="{28A0092B-C50C-407E-A947-70E740481C1C}">
                <a14:useLocalDpi xmlns:a14="http://schemas.microsoft.com/office/drawing/2010/main" val="0"/>
              </a:ext>
            </a:extLst>
          </a:blip>
          <a:stretch>
            <a:fillRect/>
          </a:stretch>
        </p:blipFill>
        <p:spPr>
          <a:xfrm>
            <a:off x="7268698" y="4187339"/>
            <a:ext cx="715184" cy="715184"/>
          </a:xfrm>
          <a:prstGeom prst="rect">
            <a:avLst/>
          </a:prstGeom>
        </p:spPr>
      </p:pic>
      <p:sp>
        <p:nvSpPr>
          <p:cNvPr id="2" name="Pladsholder til slidenummer 1">
            <a:extLst>
              <a:ext uri="{FF2B5EF4-FFF2-40B4-BE49-F238E27FC236}">
                <a16:creationId xmlns:a16="http://schemas.microsoft.com/office/drawing/2014/main" id="{DC833E49-362B-47EE-3994-0156FE6B065B}"/>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6</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372690163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F1AB550-7851-4F41-F9FE-4410C81EE8B1}"/>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3ED1ADE-677A-8DD3-1FF0-67CCEDD3F1B7}"/>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134E828C-DDD1-4DA8-84FF-BD3BBFADC358}"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E98EC9DF-E496-DABB-6114-67857A48F8A9}"/>
              </a:ext>
            </a:extLst>
          </p:cNvPr>
          <p:cNvSpPr txBox="1">
            <a:spLocks/>
          </p:cNvSpPr>
          <p:nvPr/>
        </p:nvSpPr>
        <p:spPr bwMode="auto">
          <a:xfrm>
            <a:off x="477788" y="449239"/>
            <a:ext cx="6784146" cy="997709"/>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A64443"/>
                </a:solidFill>
                <a:effectLst/>
                <a:uLnTx/>
                <a:uFillTx/>
                <a:latin typeface="AU Passata Light"/>
                <a:ea typeface="+mj-ea"/>
                <a:cs typeface="+mj-cs"/>
              </a:rPr>
              <a:t>Fælles situationsbillede i praksis: </a:t>
            </a:r>
            <a:r>
              <a:rPr kumimoji="0" lang="da-DK" sz="3200" b="0" i="0" u="none" strike="noStrike" kern="0" cap="none" spc="-50" normalizeH="0" baseline="0" noProof="0">
                <a:ln>
                  <a:noFill/>
                </a:ln>
                <a:solidFill>
                  <a:srgbClr val="A64443"/>
                </a:solidFill>
                <a:effectLst/>
                <a:uLnTx/>
                <a:uFillTx/>
                <a:latin typeface="AU Passata Light"/>
                <a:ea typeface="+mj-ea"/>
                <a:cs typeface="+mj-cs"/>
              </a:rPr>
              <a:t>Program til et arbejdsmøde</a:t>
            </a:r>
          </a:p>
        </p:txBody>
      </p:sp>
      <p:sp>
        <p:nvSpPr>
          <p:cNvPr id="13" name="Tekstfelt 12">
            <a:extLst>
              <a:ext uri="{FF2B5EF4-FFF2-40B4-BE49-F238E27FC236}">
                <a16:creationId xmlns:a16="http://schemas.microsoft.com/office/drawing/2014/main" id="{5C60861E-8892-C68E-B091-E4E0C330658F}"/>
              </a:ext>
            </a:extLst>
          </p:cNvPr>
          <p:cNvSpPr txBox="1"/>
          <p:nvPr/>
        </p:nvSpPr>
        <p:spPr>
          <a:xfrm>
            <a:off x="497009" y="1981517"/>
            <a:ext cx="5287986" cy="2800767"/>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Følgende program tilpasses til gruppens størrels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Formål:</a:t>
            </a:r>
            <a:b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b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At skabe et fælles billede af den aktuelle situation som afsæt for det lokale  strategiarbejd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Forberedelse:</a:t>
            </a:r>
            <a:b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b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Saml og del relevant viden forud for mødet, fx AU’s Strategi 2030, det kan også være nøgletal for området, forskningsevalueringer, input fra aftagerpaneler, </a:t>
            </a:r>
            <a:r>
              <a:rPr kumimoji="0" lang="da-DK" sz="1400" b="0" i="0" u="none" strike="noStrike" kern="1200" cap="none" spc="0" normalizeH="0" baseline="0" noProof="0" dirty="0" err="1">
                <a:ln>
                  <a:noFill/>
                </a:ln>
                <a:solidFill>
                  <a:srgbClr val="000000"/>
                </a:solidFill>
                <a:effectLst/>
                <a:uLnTx/>
                <a:uFillTx/>
                <a:latin typeface="AU Passata" pitchFamily="34" charset="0"/>
                <a:ea typeface="+mn-ea"/>
                <a:cs typeface="+mn-cs"/>
              </a:rPr>
              <a:t>boards</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eller andre eksterne, APV, eller andre relevante lokale data.</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p:txBody>
      </p:sp>
      <p:sp>
        <p:nvSpPr>
          <p:cNvPr id="11" name="Tekstfelt 10">
            <a:extLst>
              <a:ext uri="{FF2B5EF4-FFF2-40B4-BE49-F238E27FC236}">
                <a16:creationId xmlns:a16="http://schemas.microsoft.com/office/drawing/2014/main" id="{C0FB8341-83B2-53FD-BBBA-23B913BFA77B}"/>
              </a:ext>
            </a:extLst>
          </p:cNvPr>
          <p:cNvSpPr txBox="1"/>
          <p:nvPr/>
        </p:nvSpPr>
        <p:spPr>
          <a:xfrm>
            <a:off x="10307019" y="505736"/>
            <a:ext cx="1384993"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83D83">
                    <a:lumMod val="50000"/>
                  </a:srgbClr>
                </a:solidFill>
                <a:effectLst/>
                <a:uLnTx/>
                <a:uFillTx/>
                <a:latin typeface="AU Passata"/>
                <a:ea typeface="+mn-ea"/>
                <a:cs typeface="+mn-cs"/>
              </a:rPr>
              <a:t>Skab et fælles situationsbillede </a:t>
            </a:r>
          </a:p>
        </p:txBody>
      </p:sp>
      <p:sp>
        <p:nvSpPr>
          <p:cNvPr id="12" name="Tekstfelt 11">
            <a:extLst>
              <a:ext uri="{FF2B5EF4-FFF2-40B4-BE49-F238E27FC236}">
                <a16:creationId xmlns:a16="http://schemas.microsoft.com/office/drawing/2014/main" id="{D7F0FD6F-3AC1-57BD-747D-225BEFF18CB8}"/>
              </a:ext>
            </a:extLst>
          </p:cNvPr>
          <p:cNvSpPr txBox="1"/>
          <p:nvPr/>
        </p:nvSpPr>
        <p:spPr>
          <a:xfrm>
            <a:off x="10837590" y="96393"/>
            <a:ext cx="161925" cy="409343"/>
          </a:xfrm>
          <a:prstGeom prst="rect">
            <a:avLst/>
          </a:prstGeom>
          <a:solidFill>
            <a:schemeClr val="bg1"/>
          </a:solidFill>
          <a:ln>
            <a:solidFill>
              <a:schemeClr val="bg1"/>
            </a:solid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1</a:t>
            </a:r>
          </a:p>
        </p:txBody>
      </p:sp>
      <p:sp>
        <p:nvSpPr>
          <p:cNvPr id="14" name="Freeform 4">
            <a:extLst>
              <a:ext uri="{FF2B5EF4-FFF2-40B4-BE49-F238E27FC236}">
                <a16:creationId xmlns:a16="http://schemas.microsoft.com/office/drawing/2014/main" id="{7597F58D-B31F-D607-3362-C435F543D176}"/>
              </a:ext>
            </a:extLst>
          </p:cNvPr>
          <p:cNvSpPr>
            <a:spLocks noChangeArrowheads="1"/>
          </p:cNvSpPr>
          <p:nvPr/>
        </p:nvSpPr>
        <p:spPr bwMode="auto">
          <a:xfrm>
            <a:off x="9274667" y="379834"/>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5" name="Billede 14" descr="Et billede, der indeholder sort, mørke&#10;&#10;AI-genereret indhold kan være ukorrekt.">
            <a:extLst>
              <a:ext uri="{FF2B5EF4-FFF2-40B4-BE49-F238E27FC236}">
                <a16:creationId xmlns:a16="http://schemas.microsoft.com/office/drawing/2014/main" id="{E4DD7E2C-70DA-EF0A-E22C-26BF7FC55462}"/>
              </a:ext>
            </a:extLst>
          </p:cNvPr>
          <p:cNvPicPr>
            <a:picLocks noChangeAspect="1"/>
          </p:cNvPicPr>
          <p:nvPr/>
        </p:nvPicPr>
        <p:blipFill>
          <a:blip r:embed="rId3" cstate="print">
            <a:lum bright="70000" contrast="-70000"/>
            <a:extLst>
              <a:ext uri="{28A0092B-C50C-407E-A947-70E740481C1C}">
                <a14:useLocalDpi xmlns:a14="http://schemas.microsoft.com/office/drawing/2010/main" val="0"/>
              </a:ext>
            </a:extLst>
          </a:blip>
          <a:stretch>
            <a:fillRect/>
          </a:stretch>
        </p:blipFill>
        <p:spPr>
          <a:xfrm>
            <a:off x="9469983" y="505736"/>
            <a:ext cx="577507" cy="577507"/>
          </a:xfrm>
          <a:prstGeom prst="rect">
            <a:avLst/>
          </a:prstGeom>
          <a:ln w="34925">
            <a:noFill/>
          </a:ln>
        </p:spPr>
      </p:pic>
      <p:sp>
        <p:nvSpPr>
          <p:cNvPr id="18" name="Rounded Rectangle 5">
            <a:extLst>
              <a:ext uri="{FF2B5EF4-FFF2-40B4-BE49-F238E27FC236}">
                <a16:creationId xmlns:a16="http://schemas.microsoft.com/office/drawing/2014/main" id="{87A8024A-8A7F-65FD-F040-69FCBC6A257D}"/>
              </a:ext>
            </a:extLst>
          </p:cNvPr>
          <p:cNvSpPr/>
          <p:nvPr/>
        </p:nvSpPr>
        <p:spPr>
          <a:xfrm>
            <a:off x="330710" y="4782284"/>
            <a:ext cx="5552766" cy="1268651"/>
          </a:xfrm>
          <a:prstGeom prst="roundRect">
            <a:avLst/>
          </a:prstGeom>
          <a:solidFill>
            <a:srgbClr val="102B48"/>
          </a:solidFill>
          <a:ln w="15875">
            <a:noFill/>
          </a:ln>
          <a:effectLst/>
        </p:spPr>
        <p:style>
          <a:lnRef idx="2">
            <a:schemeClr val="accent1">
              <a:shade val="50000"/>
            </a:schemeClr>
          </a:lnRef>
          <a:fillRef idx="1">
            <a:schemeClr val="accent1"/>
          </a:fillRef>
          <a:effectRef idx="0">
            <a:schemeClr val="accent1"/>
          </a:effectRef>
          <a:fontRef idx="minor">
            <a:schemeClr val="lt1"/>
          </a:fontRef>
        </p:style>
        <p:txBody>
          <a:bodyPr lIns="89977" rtlCol="0" anchor="ctr"/>
          <a:lstStyle/>
          <a:p>
            <a:pPr marL="0" marR="0" lvl="0" indent="0" algn="ctr" defTabSz="914400" rtl="0" eaLnBrk="1" fontAlgn="base" latinLnBrk="0" hangingPunct="1">
              <a:lnSpc>
                <a:spcPts val="4799"/>
              </a:lnSpc>
              <a:spcBef>
                <a:spcPct val="0"/>
              </a:spcBef>
              <a:spcAft>
                <a:spcPct val="0"/>
              </a:spcAft>
              <a:buClrTx/>
              <a:buSzTx/>
              <a:buFont typeface="AU Passata" pitchFamily="34" charset="0"/>
              <a:buNone/>
              <a:tabLst/>
              <a:defRPr/>
            </a:pPr>
            <a:endParaRPr kumimoji="0" lang="uk-UA" sz="1000" b="0" i="0" u="none" strike="noStrike" kern="1200" cap="none" spc="0" normalizeH="0" baseline="0" noProof="0">
              <a:ln>
                <a:noFill/>
              </a:ln>
              <a:solidFill>
                <a:srgbClr val="FFFFFF"/>
              </a:solidFill>
              <a:effectLst/>
              <a:uLnTx/>
              <a:uFillTx/>
              <a:latin typeface="Lato Light" panose="020F0502020204030203" pitchFamily="34" charset="0"/>
              <a:ea typeface="+mn-ea"/>
              <a:cs typeface="+mn-cs"/>
            </a:endParaRPr>
          </a:p>
        </p:txBody>
      </p:sp>
      <p:sp>
        <p:nvSpPr>
          <p:cNvPr id="20" name="Tekstfelt 19">
            <a:extLst>
              <a:ext uri="{FF2B5EF4-FFF2-40B4-BE49-F238E27FC236}">
                <a16:creationId xmlns:a16="http://schemas.microsoft.com/office/drawing/2014/main" id="{A6A0F79D-501A-8A9D-464E-CFB9DE57A7D0}"/>
              </a:ext>
            </a:extLst>
          </p:cNvPr>
          <p:cNvSpPr txBox="1"/>
          <p:nvPr/>
        </p:nvSpPr>
        <p:spPr>
          <a:xfrm>
            <a:off x="475969" y="4853679"/>
            <a:ext cx="5287986" cy="1077218"/>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a:ea typeface="+mn-ea"/>
                <a:cs typeface="+mn-cs"/>
              </a:rPr>
              <a:t>Metodeovervejels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Et fælles situationsbillede giver størst værdi, når det skabes i fællesskab af dem, der skal realisere strategien. </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FFFFFF"/>
                </a:solidFill>
                <a:effectLst/>
                <a:uLnTx/>
                <a:uFillTx/>
                <a:latin typeface="AU Passata" pitchFamily="34" charset="0"/>
                <a:ea typeface="+mn-ea"/>
                <a:cs typeface="+mn-cs"/>
              </a:rPr>
              <a:t>Deltagerkredsen fastlægges lokalt – det kan være en ledergruppe, en afdeling, et team eller de faste VIP/TAP på et institut.</a:t>
            </a:r>
          </a:p>
        </p:txBody>
      </p:sp>
      <p:sp>
        <p:nvSpPr>
          <p:cNvPr id="2" name="Pladsholder til slidenummer 1">
            <a:extLst>
              <a:ext uri="{FF2B5EF4-FFF2-40B4-BE49-F238E27FC236}">
                <a16:creationId xmlns:a16="http://schemas.microsoft.com/office/drawing/2014/main" id="{738EE4EB-A8FF-0EAC-0D3A-44A6A11C55A8}"/>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7</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
        <p:nvSpPr>
          <p:cNvPr id="3" name="Tekstfelt 2">
            <a:extLst>
              <a:ext uri="{FF2B5EF4-FFF2-40B4-BE49-F238E27FC236}">
                <a16:creationId xmlns:a16="http://schemas.microsoft.com/office/drawing/2014/main" id="{70EBAE03-4703-5BF8-39E5-3C1468CA5D45}"/>
              </a:ext>
            </a:extLst>
          </p:cNvPr>
          <p:cNvSpPr txBox="1"/>
          <p:nvPr/>
        </p:nvSpPr>
        <p:spPr>
          <a:xfrm>
            <a:off x="6305349" y="1735145"/>
            <a:ext cx="5287986" cy="3877985"/>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rPr>
              <a:t>Forslag til dagsorden (2 timer):</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1" u="none" strike="noStrike" kern="1200" cap="none" spc="0" normalizeH="0" baseline="0" noProof="0" dirty="0">
              <a:ln>
                <a:noFill/>
              </a:ln>
              <a:solidFill>
                <a:srgbClr val="000000"/>
              </a:solidFill>
              <a:effectLst/>
              <a:uLnTx/>
              <a:uFillTx/>
              <a:latin typeface="AU Passata"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1" i="0" u="none" strike="noStrike" kern="1200" cap="none" spc="0" normalizeH="0" baseline="0" noProof="0" dirty="0">
                <a:ln>
                  <a:noFill/>
                </a:ln>
                <a:solidFill>
                  <a:srgbClr val="000000"/>
                </a:solidFill>
                <a:effectLst/>
                <a:uLnTx/>
                <a:uFillTx/>
                <a:latin typeface="AU Passata" pitchFamily="34" charset="0"/>
                <a:ea typeface="+mn-ea"/>
                <a:cs typeface="+mn-cs"/>
              </a:rPr>
              <a:t>Rammesætning:</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Formål med mødet og kort gennemgang af programmet.</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1" i="0" u="none" strike="noStrike" kern="1200" cap="none" spc="0" normalizeH="0" baseline="0" noProof="0" dirty="0">
                <a:ln>
                  <a:noFill/>
                </a:ln>
                <a:solidFill>
                  <a:srgbClr val="000000"/>
                </a:solidFill>
                <a:effectLst/>
                <a:uLnTx/>
                <a:uFillTx/>
                <a:latin typeface="AU Passata" pitchFamily="34" charset="0"/>
                <a:ea typeface="+mn-ea"/>
                <a:cs typeface="+mn-cs"/>
              </a:rPr>
              <a:t>Grundlag:</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Gennemgå de vigtigste pointer fra forberedelsen og drøft, hvilke dele af AU’s Strategi 2030, der er særligt relevante.</a:t>
            </a:r>
          </a:p>
          <a:p>
            <a:pPr marL="285750" indent="-285750">
              <a:lnSpc>
                <a:spcPct val="100000"/>
              </a:lnSpc>
              <a:buFont typeface="Arial" panose="020B0604020202020204" pitchFamily="34" charset="0"/>
              <a:buChar char="•"/>
              <a:defRPr/>
            </a:pPr>
            <a:r>
              <a:rPr kumimoji="0" lang="da-DK" sz="1400" b="1" i="0" u="none" strike="noStrike" kern="1200" cap="none" spc="0" normalizeH="0" baseline="0" noProof="0" dirty="0">
                <a:ln>
                  <a:noFill/>
                </a:ln>
                <a:solidFill>
                  <a:srgbClr val="000000"/>
                </a:solidFill>
                <a:effectLst/>
                <a:uLnTx/>
                <a:uFillTx/>
                <a:latin typeface="AU Passata" pitchFamily="34" charset="0"/>
                <a:ea typeface="+mn-ea"/>
                <a:cs typeface="+mn-cs"/>
              </a:rPr>
              <a:t>Analyse:</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Arbejd med SWOT som beskrevet på den følgende slide.</a:t>
            </a:r>
            <a:r>
              <a:rPr lang="da-DK" sz="1400" dirty="0">
                <a:solidFill>
                  <a:srgbClr val="000000"/>
                </a:solidFill>
              </a:rPr>
              <a:t> Download skabelon til SWOT-analyse </a:t>
            </a:r>
            <a:r>
              <a:rPr lang="da-DK" sz="1400" b="1" u="sng" dirty="0">
                <a:solidFill>
                  <a:srgbClr val="000000"/>
                </a:solidFill>
                <a:hlinkClick r:id="rId4"/>
              </a:rPr>
              <a:t>her</a:t>
            </a: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1" i="0" u="none" strike="noStrike" kern="1200" cap="none" spc="0" normalizeH="0" baseline="0" noProof="0" dirty="0">
                <a:ln>
                  <a:noFill/>
                </a:ln>
                <a:solidFill>
                  <a:srgbClr val="000000"/>
                </a:solidFill>
                <a:effectLst/>
                <a:uLnTx/>
                <a:uFillTx/>
                <a:latin typeface="AU Passata" pitchFamily="34" charset="0"/>
                <a:ea typeface="+mn-ea"/>
                <a:cs typeface="+mn-cs"/>
              </a:rPr>
              <a:t>Refleksion:</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Med afsæt i situationsbilledet herunder hovedpointer fra SWOT-dialogen – drøft mulige strategiske retninger.</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1" i="0" u="none" strike="noStrike" kern="1200" cap="none" spc="0" normalizeH="0" baseline="0" noProof="0" dirty="0">
                <a:ln>
                  <a:noFill/>
                </a:ln>
                <a:solidFill>
                  <a:srgbClr val="000000"/>
                </a:solidFill>
                <a:effectLst/>
                <a:uLnTx/>
                <a:uFillTx/>
                <a:latin typeface="AU Passata" pitchFamily="34" charset="0"/>
                <a:ea typeface="+mn-ea"/>
                <a:cs typeface="+mn-cs"/>
              </a:rPr>
              <a:t>Fastholdelse:</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Aftal, hvem der skal kende situationsbilledet, og hvordan det dokumenteres.</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1" i="0" u="none" strike="noStrike" kern="1200" cap="none" spc="0" normalizeH="0" baseline="0" noProof="0" dirty="0">
                <a:ln>
                  <a:noFill/>
                </a:ln>
                <a:solidFill>
                  <a:srgbClr val="000000"/>
                </a:solidFill>
                <a:effectLst/>
                <a:uLnTx/>
                <a:uFillTx/>
                <a:latin typeface="AU Passata" pitchFamily="34" charset="0"/>
                <a:ea typeface="+mn-ea"/>
                <a:cs typeface="+mn-cs"/>
              </a:rPr>
              <a:t>Næste skridt:</a:t>
            </a:r>
            <a:r>
              <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rPr>
              <a:t> Beslut, hvordan arbejdet med den strategiske intention skal fortsætte – i fællesskab eller ved et udkast fra udvalgte personer.</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dirty="0">
              <a:ln>
                <a:noFill/>
              </a:ln>
              <a:solidFill>
                <a:srgbClr val="000000"/>
              </a:solidFill>
              <a:effectLst/>
              <a:uLnTx/>
              <a:uFillTx/>
              <a:latin typeface="AU Passata" pitchFamily="34" charset="0"/>
              <a:ea typeface="+mn-ea"/>
              <a:cs typeface="+mn-cs"/>
            </a:endParaRPr>
          </a:p>
        </p:txBody>
      </p:sp>
    </p:spTree>
    <p:extLst>
      <p:ext uri="{BB962C8B-B14F-4D97-AF65-F5344CB8AC3E}">
        <p14:creationId xmlns:p14="http://schemas.microsoft.com/office/powerpoint/2010/main" val="275752762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DFABD8-881A-DF17-41D4-9838497A7C1B}"/>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712F95A1-47DB-D43D-C57E-BF46EA01DF64}"/>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39106CCE-07DB-4F99-806E-2122BC50DA05}"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A96B7897-A4F2-B79A-EF09-DA375D796357}"/>
              </a:ext>
            </a:extLst>
          </p:cNvPr>
          <p:cNvSpPr txBox="1">
            <a:spLocks/>
          </p:cNvSpPr>
          <p:nvPr/>
        </p:nvSpPr>
        <p:spPr bwMode="auto">
          <a:xfrm>
            <a:off x="477788" y="449239"/>
            <a:ext cx="5616624" cy="997709"/>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A64443"/>
                </a:solidFill>
                <a:effectLst/>
                <a:uLnTx/>
                <a:uFillTx/>
                <a:latin typeface="AU Passata Light"/>
                <a:ea typeface="+mj-ea"/>
                <a:cs typeface="+mj-cs"/>
              </a:rPr>
              <a:t>SWOT </a:t>
            </a:r>
            <a:r>
              <a:rPr kumimoji="0" lang="da-DK" sz="3200" b="0" i="0" u="none" strike="noStrike" kern="0" cap="none" spc="-50" normalizeH="0" baseline="0" noProof="0">
                <a:ln>
                  <a:noFill/>
                </a:ln>
                <a:solidFill>
                  <a:srgbClr val="A64443"/>
                </a:solidFill>
                <a:effectLst/>
                <a:uLnTx/>
                <a:uFillTx/>
                <a:latin typeface="AU Passata Light"/>
                <a:ea typeface="+mj-ea"/>
                <a:cs typeface="+mj-cs"/>
              </a:rPr>
              <a:t>som metode til at skabe et fælles situationsbillede</a:t>
            </a:r>
          </a:p>
        </p:txBody>
      </p:sp>
      <p:sp>
        <p:nvSpPr>
          <p:cNvPr id="11" name="Tekstfelt 10">
            <a:extLst>
              <a:ext uri="{FF2B5EF4-FFF2-40B4-BE49-F238E27FC236}">
                <a16:creationId xmlns:a16="http://schemas.microsoft.com/office/drawing/2014/main" id="{1CCB245F-0F67-3801-436B-A29060615E5D}"/>
              </a:ext>
            </a:extLst>
          </p:cNvPr>
          <p:cNvSpPr txBox="1"/>
          <p:nvPr/>
        </p:nvSpPr>
        <p:spPr>
          <a:xfrm>
            <a:off x="10307019" y="505736"/>
            <a:ext cx="1384993" cy="409343"/>
          </a:xfrm>
          <a:prstGeom prst="rect">
            <a:avLst/>
          </a:prstGeom>
          <a:solidFill>
            <a:schemeClr val="bg1"/>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183D83">
                    <a:lumMod val="50000"/>
                  </a:srgbClr>
                </a:solidFill>
                <a:effectLst/>
                <a:uLnTx/>
                <a:uFillTx/>
                <a:latin typeface="AU Passata"/>
                <a:ea typeface="+mn-ea"/>
                <a:cs typeface="+mn-cs"/>
              </a:rPr>
              <a:t>Skab et fælles situationsbillede </a:t>
            </a:r>
          </a:p>
        </p:txBody>
      </p:sp>
      <p:sp>
        <p:nvSpPr>
          <p:cNvPr id="14" name="Freeform 4">
            <a:extLst>
              <a:ext uri="{FF2B5EF4-FFF2-40B4-BE49-F238E27FC236}">
                <a16:creationId xmlns:a16="http://schemas.microsoft.com/office/drawing/2014/main" id="{788C8E57-C0E5-1B37-2779-1D9AC3CF8B13}"/>
              </a:ext>
            </a:extLst>
          </p:cNvPr>
          <p:cNvSpPr>
            <a:spLocks noChangeArrowheads="1"/>
          </p:cNvSpPr>
          <p:nvPr/>
        </p:nvSpPr>
        <p:spPr bwMode="auto">
          <a:xfrm>
            <a:off x="9274667" y="379834"/>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5" name="Billede 14" descr="Et billede, der indeholder sort, mørke&#10;&#10;AI-genereret indhold kan være ukorrekt.">
            <a:extLst>
              <a:ext uri="{FF2B5EF4-FFF2-40B4-BE49-F238E27FC236}">
                <a16:creationId xmlns:a16="http://schemas.microsoft.com/office/drawing/2014/main" id="{BA74A29F-6E4F-CC7B-A78F-7A8ACB59C018}"/>
              </a:ext>
            </a:extLst>
          </p:cNvPr>
          <p:cNvPicPr>
            <a:picLocks noChangeAspect="1"/>
          </p:cNvPicPr>
          <p:nvPr/>
        </p:nvPicPr>
        <p:blipFill>
          <a:blip r:embed="rId3" cstate="print">
            <a:lum bright="70000" contrast="-70000"/>
            <a:extLst>
              <a:ext uri="{28A0092B-C50C-407E-A947-70E740481C1C}">
                <a14:useLocalDpi xmlns:a14="http://schemas.microsoft.com/office/drawing/2010/main" val="0"/>
              </a:ext>
            </a:extLst>
          </a:blip>
          <a:stretch>
            <a:fillRect/>
          </a:stretch>
        </p:blipFill>
        <p:spPr>
          <a:xfrm>
            <a:off x="9469983" y="505736"/>
            <a:ext cx="577507" cy="577507"/>
          </a:xfrm>
          <a:prstGeom prst="rect">
            <a:avLst/>
          </a:prstGeom>
          <a:ln w="34925">
            <a:noFill/>
          </a:ln>
        </p:spPr>
      </p:pic>
      <p:sp>
        <p:nvSpPr>
          <p:cNvPr id="2" name="Tekstfelt 1">
            <a:extLst>
              <a:ext uri="{FF2B5EF4-FFF2-40B4-BE49-F238E27FC236}">
                <a16:creationId xmlns:a16="http://schemas.microsoft.com/office/drawing/2014/main" id="{77162A21-5B57-CF40-62B4-1787E845CA1F}"/>
              </a:ext>
            </a:extLst>
          </p:cNvPr>
          <p:cNvSpPr txBox="1"/>
          <p:nvPr/>
        </p:nvSpPr>
        <p:spPr>
          <a:xfrm>
            <a:off x="545964" y="1429380"/>
            <a:ext cx="6485618" cy="5386090"/>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SWOT kan bruges som den gennemgående metode på mødet til at skabe dialog og fælles forståelse af den nuværende situation. Det er selve samtalen og refleksionen, der giver værdi – mindst lige så meget som den endelige beskrivels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Forslag til arbejdsform:</a:t>
            </a: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Trin 1 – Styrker og svagheder</a:t>
            </a: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Arbejd individuelt eller i par. Reflektér over de styrker og svagheder, der kendetegner jeres område ud fra det, I hidtil har stået i.</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Notér de vigtigste pointer – én pr. post-it.</a:t>
            </a:r>
            <a:b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br>
            <a:r>
              <a:rPr kumimoji="0" lang="da-DK" sz="1400" b="0" i="1" u="none" strike="noStrike" kern="1200" cap="none" spc="0" normalizeH="0" baseline="0" noProof="0">
                <a:ln>
                  <a:noFill/>
                </a:ln>
                <a:solidFill>
                  <a:srgbClr val="000000"/>
                </a:solidFill>
                <a:effectLst/>
                <a:uLnTx/>
                <a:uFillTx/>
                <a:latin typeface="AU Passata" pitchFamily="34" charset="0"/>
                <a:ea typeface="+mn-ea"/>
                <a:cs typeface="+mn-cs"/>
              </a:rPr>
              <a:t>Farvekode:</a:t>
            </a: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 Styrker = blå, Svagheder = orange.</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Del pointerne i plenum og sæt dem op på tavle eller væg. Sortér eventuelt i temaer for overblik.</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Trin 2 – Muligheder og trusler</a:t>
            </a: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Arbejd individuelt eller i par. Reflektér over de muligheder og trusler, I aktuelt ser for jeres område.</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Notér de vigtigste pointer – én pr. post-it.</a:t>
            </a:r>
            <a:b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br>
            <a:r>
              <a:rPr kumimoji="0" lang="da-DK" sz="1400" b="0" i="1" u="none" strike="noStrike" kern="1200" cap="none" spc="0" normalizeH="0" baseline="0" noProof="0">
                <a:ln>
                  <a:noFill/>
                </a:ln>
                <a:solidFill>
                  <a:srgbClr val="000000"/>
                </a:solidFill>
                <a:effectLst/>
                <a:uLnTx/>
                <a:uFillTx/>
                <a:latin typeface="AU Passata" pitchFamily="34" charset="0"/>
                <a:ea typeface="+mn-ea"/>
                <a:cs typeface="+mn-cs"/>
              </a:rPr>
              <a:t>Farvekode:</a:t>
            </a: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 Muligheder = pink, Trusler = gul.</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Del pointerne i plenum og saml dem på tavle eller væg. Sortér eventuelt i temaer.</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000000"/>
                </a:solidFill>
                <a:effectLst/>
                <a:uLnTx/>
                <a:uFillTx/>
                <a:latin typeface="AU Passata" pitchFamily="34" charset="0"/>
                <a:ea typeface="+mn-ea"/>
                <a:cs typeface="+mn-cs"/>
              </a:rPr>
              <a:t>Trin 3 – Fælles opsamling</a:t>
            </a: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Gennemgå det samlede billede i fællesskab.</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000000"/>
                </a:solidFill>
                <a:effectLst/>
                <a:uLnTx/>
                <a:uFillTx/>
                <a:latin typeface="AU Passata" pitchFamily="34" charset="0"/>
                <a:ea typeface="+mn-ea"/>
                <a:cs typeface="+mn-cs"/>
              </a:rPr>
              <a:t>Overvej, om der mangler væsentlige perspektiver, så situationsbilledet bliver dækkende og meningsfuldt for alle.</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pitchFamily="34" charset="0"/>
              <a:ea typeface="+mn-ea"/>
              <a:cs typeface="+mn-cs"/>
            </a:endParaRPr>
          </a:p>
        </p:txBody>
      </p:sp>
      <p:sp>
        <p:nvSpPr>
          <p:cNvPr id="3" name="Rektangel: afrundede hjørner 2">
            <a:extLst>
              <a:ext uri="{FF2B5EF4-FFF2-40B4-BE49-F238E27FC236}">
                <a16:creationId xmlns:a16="http://schemas.microsoft.com/office/drawing/2014/main" id="{1BAC6E0C-8723-2985-8757-62BDD2D75918}"/>
              </a:ext>
            </a:extLst>
          </p:cNvPr>
          <p:cNvSpPr/>
          <p:nvPr/>
        </p:nvSpPr>
        <p:spPr bwMode="auto">
          <a:xfrm>
            <a:off x="7336383" y="2309258"/>
            <a:ext cx="2133600" cy="1257300"/>
          </a:xfrm>
          <a:prstGeom prst="roundRect">
            <a:avLst/>
          </a:prstGeom>
          <a:solidFill>
            <a:srgbClr val="E4E5EA"/>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pitchFamily="34" charset="0"/>
                <a:ea typeface="+mn-ea"/>
                <a:cs typeface="+mn-cs"/>
              </a:rPr>
              <a:t>Styrker</a:t>
            </a:r>
          </a:p>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4000" b="1" i="0" u="none" strike="noStrike" kern="1200" cap="none" spc="0" normalizeH="0" baseline="0" noProof="0">
                <a:ln>
                  <a:noFill/>
                </a:ln>
                <a:solidFill>
                  <a:srgbClr val="000000"/>
                </a:solidFill>
                <a:effectLst/>
                <a:uLnTx/>
                <a:uFillTx/>
                <a:latin typeface="AU Passata" pitchFamily="34" charset="0"/>
                <a:ea typeface="+mn-ea"/>
                <a:cs typeface="+mn-cs"/>
              </a:rPr>
              <a:t>S</a:t>
            </a:r>
          </a:p>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pitchFamily="34" charset="0"/>
                <a:ea typeface="+mn-ea"/>
                <a:cs typeface="+mn-cs"/>
              </a:rPr>
              <a:t>Strengths</a:t>
            </a:r>
            <a:endParaRPr kumimoji="0" lang="en-GB" sz="1600" b="0" i="0" u="none" strike="noStrike" kern="1200" cap="none" spc="0" normalizeH="0" baseline="0" noProof="0" err="1">
              <a:ln>
                <a:noFill/>
              </a:ln>
              <a:solidFill>
                <a:srgbClr val="000000"/>
              </a:solidFill>
              <a:effectLst/>
              <a:uLnTx/>
              <a:uFillTx/>
              <a:latin typeface="AU Passata" pitchFamily="34" charset="0"/>
              <a:ea typeface="+mn-ea"/>
              <a:cs typeface="+mn-cs"/>
            </a:endParaRPr>
          </a:p>
        </p:txBody>
      </p:sp>
      <p:sp>
        <p:nvSpPr>
          <p:cNvPr id="5" name="Rektangel: afrundede hjørner 4">
            <a:extLst>
              <a:ext uri="{FF2B5EF4-FFF2-40B4-BE49-F238E27FC236}">
                <a16:creationId xmlns:a16="http://schemas.microsoft.com/office/drawing/2014/main" id="{002649C6-D422-43F4-AB90-90DE9F8C832C}"/>
              </a:ext>
            </a:extLst>
          </p:cNvPr>
          <p:cNvSpPr/>
          <p:nvPr/>
        </p:nvSpPr>
        <p:spPr bwMode="auto">
          <a:xfrm>
            <a:off x="9685883" y="2309258"/>
            <a:ext cx="2133600" cy="1257300"/>
          </a:xfrm>
          <a:prstGeom prst="roundRect">
            <a:avLst/>
          </a:prstGeom>
          <a:solidFill>
            <a:srgbClr val="E4E5EA"/>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pitchFamily="34" charset="0"/>
                <a:ea typeface="+mn-ea"/>
                <a:cs typeface="+mn-cs"/>
              </a:rPr>
              <a:t>Svagheder</a:t>
            </a:r>
          </a:p>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4000" b="1" i="0" u="none" strike="noStrike" kern="1200" cap="none" spc="0" normalizeH="0" baseline="0" noProof="0">
                <a:ln>
                  <a:noFill/>
                </a:ln>
                <a:solidFill>
                  <a:srgbClr val="000000"/>
                </a:solidFill>
                <a:effectLst/>
                <a:uLnTx/>
                <a:uFillTx/>
                <a:latin typeface="AU Passata" pitchFamily="34" charset="0"/>
                <a:ea typeface="+mn-ea"/>
                <a:cs typeface="+mn-cs"/>
              </a:rPr>
              <a:t>W</a:t>
            </a:r>
          </a:p>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pitchFamily="34" charset="0"/>
                <a:ea typeface="+mn-ea"/>
                <a:cs typeface="+mn-cs"/>
              </a:rPr>
              <a:t>Weaknesses</a:t>
            </a:r>
            <a:endParaRPr kumimoji="0" lang="en-GB" sz="1600" b="0" i="0" u="none" strike="noStrike" kern="1200" cap="none" spc="0" normalizeH="0" baseline="0" noProof="0" err="1">
              <a:ln>
                <a:noFill/>
              </a:ln>
              <a:solidFill>
                <a:srgbClr val="000000"/>
              </a:solidFill>
              <a:effectLst/>
              <a:uLnTx/>
              <a:uFillTx/>
              <a:latin typeface="AU Passata" pitchFamily="34" charset="0"/>
              <a:ea typeface="+mn-ea"/>
              <a:cs typeface="+mn-cs"/>
            </a:endParaRPr>
          </a:p>
        </p:txBody>
      </p:sp>
      <p:sp>
        <p:nvSpPr>
          <p:cNvPr id="6" name="Rektangel: afrundede hjørner 5">
            <a:extLst>
              <a:ext uri="{FF2B5EF4-FFF2-40B4-BE49-F238E27FC236}">
                <a16:creationId xmlns:a16="http://schemas.microsoft.com/office/drawing/2014/main" id="{0994CE92-E9D3-7FAC-D8A8-02DEF5E10B6A}"/>
              </a:ext>
            </a:extLst>
          </p:cNvPr>
          <p:cNvSpPr/>
          <p:nvPr/>
        </p:nvSpPr>
        <p:spPr bwMode="auto">
          <a:xfrm>
            <a:off x="7336383" y="3809307"/>
            <a:ext cx="2133600" cy="1257300"/>
          </a:xfrm>
          <a:prstGeom prst="roundRect">
            <a:avLst/>
          </a:prstGeom>
          <a:solidFill>
            <a:srgbClr val="E4E5EA"/>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pitchFamily="34" charset="0"/>
                <a:ea typeface="+mn-ea"/>
                <a:cs typeface="+mn-cs"/>
              </a:rPr>
              <a:t>Muligheder</a:t>
            </a:r>
          </a:p>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4000" b="1" i="0" u="none" strike="noStrike" kern="1200" cap="none" spc="0" normalizeH="0" baseline="0" noProof="0">
                <a:ln>
                  <a:noFill/>
                </a:ln>
                <a:solidFill>
                  <a:srgbClr val="000000"/>
                </a:solidFill>
                <a:effectLst/>
                <a:uLnTx/>
                <a:uFillTx/>
                <a:latin typeface="AU Passata" pitchFamily="34" charset="0"/>
                <a:ea typeface="+mn-ea"/>
                <a:cs typeface="+mn-cs"/>
              </a:rPr>
              <a:t>O</a:t>
            </a:r>
          </a:p>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pitchFamily="34" charset="0"/>
                <a:ea typeface="+mn-ea"/>
                <a:cs typeface="+mn-cs"/>
              </a:rPr>
              <a:t>Opportunities</a:t>
            </a:r>
            <a:endParaRPr kumimoji="0" lang="en-GB" sz="1600" b="0" i="0" u="none" strike="noStrike" kern="1200" cap="none" spc="0" normalizeH="0" baseline="0" noProof="0" err="1">
              <a:ln>
                <a:noFill/>
              </a:ln>
              <a:solidFill>
                <a:srgbClr val="000000"/>
              </a:solidFill>
              <a:effectLst/>
              <a:uLnTx/>
              <a:uFillTx/>
              <a:latin typeface="AU Passata" pitchFamily="34" charset="0"/>
              <a:ea typeface="+mn-ea"/>
              <a:cs typeface="+mn-cs"/>
            </a:endParaRPr>
          </a:p>
        </p:txBody>
      </p:sp>
      <p:sp>
        <p:nvSpPr>
          <p:cNvPr id="7" name="Rektangel: afrundede hjørner 6">
            <a:extLst>
              <a:ext uri="{FF2B5EF4-FFF2-40B4-BE49-F238E27FC236}">
                <a16:creationId xmlns:a16="http://schemas.microsoft.com/office/drawing/2014/main" id="{ADB8ACDA-75BB-53DA-E036-1474A4F362D3}"/>
              </a:ext>
            </a:extLst>
          </p:cNvPr>
          <p:cNvSpPr/>
          <p:nvPr/>
        </p:nvSpPr>
        <p:spPr bwMode="auto">
          <a:xfrm>
            <a:off x="9685883" y="3809307"/>
            <a:ext cx="2133600" cy="1257300"/>
          </a:xfrm>
          <a:prstGeom prst="roundRect">
            <a:avLst/>
          </a:prstGeom>
          <a:solidFill>
            <a:srgbClr val="E4E5EA"/>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pitchFamily="34" charset="0"/>
                <a:ea typeface="+mn-ea"/>
                <a:cs typeface="+mn-cs"/>
              </a:rPr>
              <a:t>Trusler</a:t>
            </a:r>
          </a:p>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4000" b="1" i="0" u="none" strike="noStrike" kern="1200" cap="none" spc="0" normalizeH="0" baseline="0" noProof="0">
                <a:ln>
                  <a:noFill/>
                </a:ln>
                <a:solidFill>
                  <a:srgbClr val="000000"/>
                </a:solidFill>
                <a:effectLst/>
                <a:uLnTx/>
                <a:uFillTx/>
                <a:latin typeface="AU Passata" pitchFamily="34" charset="0"/>
                <a:ea typeface="+mn-ea"/>
                <a:cs typeface="+mn-cs"/>
              </a:rPr>
              <a:t>T</a:t>
            </a:r>
          </a:p>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pitchFamily="34" charset="0"/>
                <a:ea typeface="+mn-ea"/>
                <a:cs typeface="+mn-cs"/>
              </a:rPr>
              <a:t>Threats</a:t>
            </a:r>
            <a:endParaRPr kumimoji="0" lang="en-GB" sz="1600" b="0" i="0" u="none" strike="noStrike" kern="1200" cap="none" spc="0" normalizeH="0" baseline="0" noProof="0" err="1">
              <a:ln>
                <a:noFill/>
              </a:ln>
              <a:solidFill>
                <a:srgbClr val="000000"/>
              </a:solidFill>
              <a:effectLst/>
              <a:uLnTx/>
              <a:uFillTx/>
              <a:latin typeface="AU Passata" pitchFamily="34" charset="0"/>
              <a:ea typeface="+mn-ea"/>
              <a:cs typeface="+mn-cs"/>
            </a:endParaRPr>
          </a:p>
        </p:txBody>
      </p:sp>
      <p:cxnSp>
        <p:nvCxnSpPr>
          <p:cNvPr id="9" name="Lige forbindelse 8">
            <a:extLst>
              <a:ext uri="{FF2B5EF4-FFF2-40B4-BE49-F238E27FC236}">
                <a16:creationId xmlns:a16="http://schemas.microsoft.com/office/drawing/2014/main" id="{D486E38C-DEA2-44D8-77C7-5315664BD818}"/>
              </a:ext>
            </a:extLst>
          </p:cNvPr>
          <p:cNvCxnSpPr>
            <a:cxnSpLocks/>
          </p:cNvCxnSpPr>
          <p:nvPr/>
        </p:nvCxnSpPr>
        <p:spPr bwMode="auto">
          <a:xfrm>
            <a:off x="9593808" y="2094807"/>
            <a:ext cx="0" cy="3295650"/>
          </a:xfrm>
          <a:prstGeom prst="line">
            <a:avLst/>
          </a:prstGeom>
          <a:solidFill>
            <a:schemeClr val="accent2"/>
          </a:solidFill>
          <a:ln w="1778" cap="flat" cmpd="sng" algn="ctr">
            <a:solidFill>
              <a:schemeClr val="accent2"/>
            </a:solidFill>
            <a:prstDash val="solid"/>
            <a:round/>
            <a:headEnd type="none" w="med" len="med"/>
            <a:tailEnd type="none" w="med" len="med"/>
          </a:ln>
          <a:effectLst/>
        </p:spPr>
      </p:cxnSp>
      <p:cxnSp>
        <p:nvCxnSpPr>
          <p:cNvPr id="17" name="Lige forbindelse 16">
            <a:extLst>
              <a:ext uri="{FF2B5EF4-FFF2-40B4-BE49-F238E27FC236}">
                <a16:creationId xmlns:a16="http://schemas.microsoft.com/office/drawing/2014/main" id="{9C5FC3B3-79A1-9B09-C401-AC9EFE822D8F}"/>
              </a:ext>
            </a:extLst>
          </p:cNvPr>
          <p:cNvCxnSpPr/>
          <p:nvPr/>
        </p:nvCxnSpPr>
        <p:spPr bwMode="auto">
          <a:xfrm>
            <a:off x="7155408" y="3685482"/>
            <a:ext cx="4905375" cy="0"/>
          </a:xfrm>
          <a:prstGeom prst="line">
            <a:avLst/>
          </a:prstGeom>
          <a:solidFill>
            <a:schemeClr val="accent2"/>
          </a:solidFill>
          <a:ln w="1778" cap="flat" cmpd="sng" algn="ctr">
            <a:solidFill>
              <a:schemeClr val="accent2"/>
            </a:solidFill>
            <a:prstDash val="solid"/>
            <a:round/>
            <a:headEnd type="none" w="med" len="med"/>
            <a:tailEnd type="none" w="med" len="med"/>
          </a:ln>
          <a:effectLst/>
        </p:spPr>
      </p:cxnSp>
      <p:sp>
        <p:nvSpPr>
          <p:cNvPr id="19" name="Tekstfelt 18">
            <a:extLst>
              <a:ext uri="{FF2B5EF4-FFF2-40B4-BE49-F238E27FC236}">
                <a16:creationId xmlns:a16="http://schemas.microsoft.com/office/drawing/2014/main" id="{DEFEB3D9-4E48-ED86-FA2E-52BEB10B9497}"/>
              </a:ext>
            </a:extLst>
          </p:cNvPr>
          <p:cNvSpPr txBox="1"/>
          <p:nvPr/>
        </p:nvSpPr>
        <p:spPr>
          <a:xfrm>
            <a:off x="9047708" y="1841419"/>
            <a:ext cx="1133474" cy="233910"/>
          </a:xfrm>
          <a:prstGeom prst="rect">
            <a:avLst/>
          </a:prstGeom>
          <a:no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a:ea typeface="+mn-ea"/>
                <a:cs typeface="+mn-cs"/>
              </a:rPr>
              <a:t>Internt fokus</a:t>
            </a:r>
          </a:p>
        </p:txBody>
      </p:sp>
      <p:sp>
        <p:nvSpPr>
          <p:cNvPr id="21" name="Tekstfelt 20">
            <a:extLst>
              <a:ext uri="{FF2B5EF4-FFF2-40B4-BE49-F238E27FC236}">
                <a16:creationId xmlns:a16="http://schemas.microsoft.com/office/drawing/2014/main" id="{174DD7A7-689F-58E2-7E1B-FAA5D6513B0E}"/>
              </a:ext>
            </a:extLst>
          </p:cNvPr>
          <p:cNvSpPr txBox="1"/>
          <p:nvPr/>
        </p:nvSpPr>
        <p:spPr>
          <a:xfrm>
            <a:off x="9047708" y="5429413"/>
            <a:ext cx="1276350" cy="233910"/>
          </a:xfrm>
          <a:prstGeom prst="rect">
            <a:avLst/>
          </a:prstGeom>
          <a:noFill/>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en-GB" sz="1600" b="0" i="0" u="none" strike="noStrike" kern="1200" cap="none" spc="0" normalizeH="0" baseline="0" noProof="0">
                <a:ln>
                  <a:noFill/>
                </a:ln>
                <a:solidFill>
                  <a:srgbClr val="000000"/>
                </a:solidFill>
                <a:effectLst/>
                <a:uLnTx/>
                <a:uFillTx/>
                <a:latin typeface="AU Passata"/>
                <a:ea typeface="+mn-ea"/>
                <a:cs typeface="+mn-cs"/>
              </a:rPr>
              <a:t>Eksternt fokus</a:t>
            </a:r>
          </a:p>
        </p:txBody>
      </p:sp>
      <p:sp>
        <p:nvSpPr>
          <p:cNvPr id="13" name="Pladsholder til slidenummer 12">
            <a:extLst>
              <a:ext uri="{FF2B5EF4-FFF2-40B4-BE49-F238E27FC236}">
                <a16:creationId xmlns:a16="http://schemas.microsoft.com/office/drawing/2014/main" id="{61FB0383-0749-721D-9732-01F94C0C3E33}"/>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8</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
        <p:nvSpPr>
          <p:cNvPr id="16" name="Tekstfelt 15">
            <a:extLst>
              <a:ext uri="{FF2B5EF4-FFF2-40B4-BE49-F238E27FC236}">
                <a16:creationId xmlns:a16="http://schemas.microsoft.com/office/drawing/2014/main" id="{D6E60DF0-A6F5-C536-7350-47B7299584B7}"/>
              </a:ext>
            </a:extLst>
          </p:cNvPr>
          <p:cNvSpPr txBox="1"/>
          <p:nvPr/>
        </p:nvSpPr>
        <p:spPr>
          <a:xfrm>
            <a:off x="10837590" y="96393"/>
            <a:ext cx="161925" cy="409343"/>
          </a:xfrm>
          <a:prstGeom prst="rect">
            <a:avLst/>
          </a:prstGeom>
          <a:solidFill>
            <a:schemeClr val="bg1"/>
          </a:solidFill>
          <a:ln>
            <a:solidFill>
              <a:schemeClr val="bg1"/>
            </a:solid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1</a:t>
            </a:r>
          </a:p>
        </p:txBody>
      </p:sp>
    </p:spTree>
    <p:extLst>
      <p:ext uri="{BB962C8B-B14F-4D97-AF65-F5344CB8AC3E}">
        <p14:creationId xmlns:p14="http://schemas.microsoft.com/office/powerpoint/2010/main" val="425148920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bg>
      <p:bgPr>
        <a:solidFill>
          <a:srgbClr val="102B48"/>
        </a:solidFill>
        <a:effectLst/>
      </p:bgPr>
    </p:bg>
    <p:spTree>
      <p:nvGrpSpPr>
        <p:cNvPr id="1" name="">
          <a:extLst>
            <a:ext uri="{FF2B5EF4-FFF2-40B4-BE49-F238E27FC236}">
              <a16:creationId xmlns:a16="http://schemas.microsoft.com/office/drawing/2014/main" id="{D82704FA-5376-AA7D-53A0-C8EAC7EFFC1A}"/>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B2F70838-6560-337F-3C24-C57C97152CE2}"/>
              </a:ext>
            </a:extLst>
          </p:cNvPr>
          <p:cNvSpPr>
            <a:spLocks noGrp="1"/>
          </p:cNvSpPr>
          <p:nvPr>
            <p:ph type="dt" sz="half" idx="10"/>
          </p:nvPr>
        </p:nvSpPr>
        <p:spPr/>
        <p:txBody>
          <a:bodyPr/>
          <a:lstStyle/>
          <a:p>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fld id="{A20C1D52-839A-4664-9965-1AC8B6F023A0}" type="datetime1">
              <a:rPr kumimoji="0" lang="da-DK" sz="100" b="0" i="0" u="none" strike="noStrike" kern="1200" cap="none" spc="0" normalizeH="0" baseline="0" noProof="0" smtClean="0">
                <a:ln>
                  <a:noFill/>
                </a:ln>
                <a:noFill/>
                <a:effectLst/>
                <a:uLnTx/>
                <a:uFillTx/>
                <a:latin typeface="AU Passata" pitchFamily="34" charset="0"/>
                <a:ea typeface="+mn-ea"/>
                <a:cs typeface="+mn-cs"/>
              </a:rPr>
              <a:pPr marL="0" marR="0" lvl="0" indent="0" algn="l" defTabSz="914126" rtl="0" eaLnBrk="1" fontAlgn="base" latinLnBrk="0" hangingPunct="1">
                <a:lnSpc>
                  <a:spcPts val="4798"/>
                </a:lnSpc>
                <a:spcBef>
                  <a:spcPct val="0"/>
                </a:spcBef>
                <a:spcAft>
                  <a:spcPct val="0"/>
                </a:spcAft>
                <a:buClrTx/>
                <a:buSzTx/>
                <a:buFont typeface="AU Passata" pitchFamily="34" charset="0"/>
                <a:buNone/>
                <a:tabLst/>
                <a:defRPr/>
              </a:pPr>
              <a:t>09-04-2026</a:t>
            </a:fld>
            <a:r>
              <a:rPr kumimoji="0" lang="da-DK" sz="100" b="0" i="0" u="none" strike="noStrike" kern="1200" cap="none" spc="0" normalizeH="0" baseline="0" noProof="0">
                <a:ln>
                  <a:noFill/>
                </a:ln>
                <a:noFill/>
                <a:effectLst/>
                <a:uLnTx/>
                <a:uFillTx/>
                <a:latin typeface="AU Passata" pitchFamily="34" charset="0"/>
                <a:ea typeface="+mn-ea"/>
                <a:cs typeface="+mn-cs"/>
              </a:rPr>
              <a:t>29-08-2024</a:t>
            </a:r>
          </a:p>
        </p:txBody>
      </p:sp>
      <p:sp>
        <p:nvSpPr>
          <p:cNvPr id="8" name="object 5">
            <a:extLst>
              <a:ext uri="{FF2B5EF4-FFF2-40B4-BE49-F238E27FC236}">
                <a16:creationId xmlns:a16="http://schemas.microsoft.com/office/drawing/2014/main" id="{7609779A-D90A-4C94-D1FF-3F74E8007DB6}"/>
              </a:ext>
            </a:extLst>
          </p:cNvPr>
          <p:cNvSpPr txBox="1">
            <a:spLocks/>
          </p:cNvSpPr>
          <p:nvPr/>
        </p:nvSpPr>
        <p:spPr bwMode="auto">
          <a:xfrm>
            <a:off x="477788" y="695460"/>
            <a:ext cx="6874150" cy="505267"/>
          </a:xfrm>
          <a:prstGeom prst="rect">
            <a:avLst/>
          </a:prstGeom>
          <a:noFill/>
          <a:ln w="9525">
            <a:noFill/>
            <a:miter lim="800000"/>
            <a:headEnd/>
            <a:tailEnd/>
          </a:ln>
        </p:spPr>
        <p:txBody>
          <a:bodyPr vert="horz" wrap="square" lIns="0" tIns="12700" rIns="0" bIns="0" numCol="1" rtlCol="0" anchor="ctr" anchorCtr="0" compatLnSpc="1">
            <a:prstTxWarp prst="textNoShape">
              <a:avLst/>
            </a:prstTxWarp>
            <a:spAutoFit/>
          </a:bodyPr>
          <a:lstStyle>
            <a:lvl1pPr algn="l" rtl="0" eaLnBrk="1" fontAlgn="base" hangingPunct="1">
              <a:lnSpc>
                <a:spcPct val="90000"/>
              </a:lnSpc>
              <a:spcBef>
                <a:spcPct val="0"/>
              </a:spcBef>
              <a:spcAft>
                <a:spcPct val="0"/>
              </a:spcAft>
              <a:defRPr sz="6000" b="0" cap="none" baseline="0">
                <a:solidFill>
                  <a:schemeClr val="bg1"/>
                </a:solidFill>
                <a:latin typeface="AU Passata Light" panose="020B0303030902030804" pitchFamily="34" charset="0"/>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a:lstStyle>
          <a:p>
            <a:pPr marL="12700" marR="0" lvl="0" indent="0" algn="l" defTabSz="914400" rtl="0" eaLnBrk="1" fontAlgn="base" latinLnBrk="0" hangingPunct="1">
              <a:lnSpc>
                <a:spcPct val="100000"/>
              </a:lnSpc>
              <a:spcBef>
                <a:spcPts val="100"/>
              </a:spcBef>
              <a:spcAft>
                <a:spcPct val="0"/>
              </a:spcAft>
              <a:buClrTx/>
              <a:buSzTx/>
              <a:buFontTx/>
              <a:buNone/>
              <a:tabLst/>
              <a:defRPr/>
            </a:pPr>
            <a:r>
              <a:rPr kumimoji="0" lang="da-DK" sz="3200" b="1" i="0" u="none" strike="noStrike" kern="0" cap="none" spc="-50" normalizeH="0" baseline="0" noProof="0">
                <a:ln>
                  <a:noFill/>
                </a:ln>
                <a:solidFill>
                  <a:srgbClr val="FFFFFF"/>
                </a:solidFill>
                <a:effectLst/>
                <a:uLnTx/>
                <a:uFillTx/>
                <a:latin typeface="AU Passata Light"/>
                <a:ea typeface="+mj-ea"/>
                <a:cs typeface="+mj-cs"/>
              </a:rPr>
              <a:t>Strategisk intention </a:t>
            </a:r>
          </a:p>
        </p:txBody>
      </p:sp>
      <p:sp>
        <p:nvSpPr>
          <p:cNvPr id="13" name="Tekstfelt 12">
            <a:extLst>
              <a:ext uri="{FF2B5EF4-FFF2-40B4-BE49-F238E27FC236}">
                <a16:creationId xmlns:a16="http://schemas.microsoft.com/office/drawing/2014/main" id="{2D1802D5-B96A-64AB-3AF3-99D016C8B121}"/>
              </a:ext>
            </a:extLst>
          </p:cNvPr>
          <p:cNvSpPr txBox="1"/>
          <p:nvPr/>
        </p:nvSpPr>
        <p:spPr>
          <a:xfrm>
            <a:off x="517391" y="1540519"/>
            <a:ext cx="4981619" cy="4955203"/>
          </a:xfrm>
          <a:prstGeom prst="rect">
            <a:avLst/>
          </a:prstGeom>
          <a:noFill/>
        </p:spPr>
        <p:txBody>
          <a:bodyPr wrap="square" lIns="0" tIns="0" rIns="0" bIns="0" rtlCol="0" anchor="t">
            <a:spAutoFit/>
          </a:bodyPr>
          <a:lstStyle/>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Hvad er det?</a:t>
            </a: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En strategisk intention beskriver en ønsket og værdifuld fremtid på mellemlang sigt.</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Den peger på, hvad man vil lykkes med, og udvikles med afsæt i det fælles situationsbillede.</a:t>
            </a: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Formen kan variere – fra en kort og rammende sætning til et strategihus med vision, mission, værdier og strategiske fokusområder.</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Intentionen kan suppleres med </a:t>
            </a:r>
            <a:r>
              <a:rPr kumimoji="0" lang="da-DK" sz="1400" b="0" i="1"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tegn på succes</a:t>
            </a: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 – beskrivelser eller mål, der viser, hvordan man kan se, at man lykkes.</a:t>
            </a:r>
            <a:b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b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Man arbejder sig hen imod intentionen, selvom vejen endnu ikke er kendt.</a:t>
            </a: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r>
              <a:rPr kumimoji="0" lang="da-DK" sz="1400" b="1"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Formålet er, at: </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skabe et fælles afsæt for den strategiske intention.</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skabe fælles retning med afsæt i det fælles situationsbillede.</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guide prioriteringer og opgaveløsning i hverdagen.</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r>
              <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rPr>
              <a:t>samle indsatsen om de områder, man har besluttet at udvikle.</a:t>
            </a:r>
          </a:p>
          <a:p>
            <a:pPr marL="285750" marR="0" lvl="0" indent="-285750" algn="l" defTabSz="914400" rtl="0" eaLnBrk="1" fontAlgn="base" latinLnBrk="0" hangingPunct="1">
              <a:lnSpc>
                <a:spcPct val="100000"/>
              </a:lnSpc>
              <a:spcBef>
                <a:spcPct val="0"/>
              </a:spcBef>
              <a:spcAft>
                <a:spcPct val="0"/>
              </a:spcAft>
              <a:buClrTx/>
              <a:buSzTx/>
              <a:buFont typeface="Arial" panose="020B0604020202020204" pitchFamily="34" charset="0"/>
              <a:buChar char="•"/>
              <a:tabLst/>
              <a:defRPr/>
            </a:pPr>
            <a:endParaRPr kumimoji="0" lang="da-DK" sz="1400" b="0" i="0" u="none" strike="noStrike" kern="1200" cap="none" spc="0" normalizeH="0" baseline="0" noProof="0">
              <a:ln>
                <a:noFill/>
              </a:ln>
              <a:solidFill>
                <a:srgbClr val="FFFFFF"/>
              </a:solidFill>
              <a:effectLst/>
              <a:uLnTx/>
              <a:uFillTx/>
              <a:latin typeface="AU Passata Light" panose="020B0303030902030804" pitchFamily="34" charset="0"/>
              <a:ea typeface="+mn-ea"/>
              <a:cs typeface="+mn-cs"/>
            </a:endParaRPr>
          </a:p>
          <a:p>
            <a:pPr marL="0" marR="0" lvl="0" indent="0" algn="l" defTabSz="914400" rtl="0" eaLnBrk="1" fontAlgn="base" latinLnBrk="0" hangingPunct="1">
              <a:lnSpc>
                <a:spcPct val="100000"/>
              </a:lnSpc>
              <a:spcBef>
                <a:spcPct val="0"/>
              </a:spcBef>
              <a:spcAft>
                <a:spcPct val="0"/>
              </a:spcAft>
              <a:buClrTx/>
              <a:buSzTx/>
              <a:buFont typeface="AU Passata" pitchFamily="34" charset="0"/>
              <a:buNone/>
              <a:tabLst/>
              <a:defRPr/>
            </a:pPr>
            <a:endParaRPr kumimoji="0" lang="da-DK" sz="1400" b="0" i="0" u="none" strike="noStrike" kern="1200" cap="none" spc="0" normalizeH="0" baseline="0" noProof="0">
              <a:ln>
                <a:noFill/>
              </a:ln>
              <a:solidFill>
                <a:srgbClr val="000000"/>
              </a:solidFill>
              <a:effectLst/>
              <a:uLnTx/>
              <a:uFillTx/>
              <a:latin typeface="AU Passata Light" panose="020B0303030902030804" pitchFamily="34" charset="0"/>
              <a:ea typeface="+mn-ea"/>
              <a:cs typeface="+mn-cs"/>
            </a:endParaRPr>
          </a:p>
        </p:txBody>
      </p:sp>
      <p:sp>
        <p:nvSpPr>
          <p:cNvPr id="16" name="OFF_logo1Computed">
            <a:extLst>
              <a:ext uri="{FF2B5EF4-FFF2-40B4-BE49-F238E27FC236}">
                <a16:creationId xmlns:a16="http://schemas.microsoft.com/office/drawing/2014/main" id="{02161B7A-5118-51C3-8ECC-161F645F343C}"/>
              </a:ext>
            </a:extLst>
          </p:cNvPr>
          <p:cNvSpPr/>
          <p:nvPr/>
        </p:nvSpPr>
        <p:spPr bwMode="auto">
          <a:xfrm>
            <a:off x="972000" y="5997600"/>
            <a:ext cx="727763" cy="589622"/>
          </a:xfrm>
          <a:prstGeom prst="rect">
            <a:avLst/>
          </a:prstGeom>
          <a:noFill/>
          <a:ln w="1778" cap="flat" cmpd="sng" algn="ctr">
            <a:noFill/>
            <a:prstDash val="solid"/>
            <a:round/>
            <a:headEnd type="none" w="med" len="med"/>
            <a:tailEnd type="none" w="med" len="med"/>
          </a:ln>
          <a:effectLst/>
        </p:spPr>
        <p:txBody>
          <a:bodyPr vert="horz" wrap="none" lIns="0" tIns="309519" rIns="0" bIns="0" numCol="1" rtlCol="0" anchor="t" anchorCtr="0" compatLnSpc="1">
            <a:prstTxWarp prst="textNoShape">
              <a:avLst/>
            </a:prstTxWarp>
            <a:spAutoFit/>
          </a:bodyPr>
          <a:lstStyle/>
          <a:p>
            <a:pPr marL="0" marR="0" lvl="0" indent="0" algn="l" defTabSz="914126" rtl="0" eaLnBrk="1" fontAlgn="base" latinLnBrk="0" hangingPunct="1">
              <a:lnSpc>
                <a:spcPct val="90000"/>
              </a:lnSpc>
              <a:spcBef>
                <a:spcPct val="0"/>
              </a:spcBef>
              <a:spcAft>
                <a:spcPct val="0"/>
              </a:spcAft>
              <a:buClrTx/>
              <a:buSzTx/>
              <a:buFont typeface="AU Passata" pitchFamily="34" charset="0"/>
              <a:buNone/>
              <a:tabLst/>
              <a:defRPr/>
            </a:pPr>
            <a:r>
              <a:rPr kumimoji="0" lang="da-DK" sz="1000" b="0" i="0" u="none" strike="noStrike" kern="1200" cap="all" spc="0" normalizeH="0" baseline="0" noProof="1">
                <a:ln>
                  <a:noFill/>
                </a:ln>
                <a:solidFill>
                  <a:srgbClr val="FFFFFF"/>
                </a:solidFill>
                <a:effectLst/>
                <a:uLnTx/>
                <a:uFillTx/>
                <a:latin typeface="AU Passata" pitchFamily="34" charset="0"/>
                <a:ea typeface="+mn-ea"/>
                <a:cs typeface="+mn-cs"/>
              </a:rPr>
              <a:t>Aarhus
Universitet</a:t>
            </a:r>
          </a:p>
        </p:txBody>
      </p:sp>
      <p:pic>
        <p:nvPicPr>
          <p:cNvPr id="17" name="Au logo">
            <a:extLst>
              <a:ext uri="{FF2B5EF4-FFF2-40B4-BE49-F238E27FC236}">
                <a16:creationId xmlns:a16="http://schemas.microsoft.com/office/drawing/2014/main" id="{869977CD-009F-4F8F-CED1-EB764A6756B5}"/>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a:noFill/>
        </p:spPr>
      </p:pic>
      <p:sp>
        <p:nvSpPr>
          <p:cNvPr id="103" name="Freeform 2">
            <a:extLst>
              <a:ext uri="{FF2B5EF4-FFF2-40B4-BE49-F238E27FC236}">
                <a16:creationId xmlns:a16="http://schemas.microsoft.com/office/drawing/2014/main" id="{B425A6C6-FEB6-54E0-5A6F-30D3C7770DBA}"/>
              </a:ext>
            </a:extLst>
          </p:cNvPr>
          <p:cNvSpPr>
            <a:spLocks noChangeArrowheads="1"/>
          </p:cNvSpPr>
          <p:nvPr/>
        </p:nvSpPr>
        <p:spPr bwMode="auto">
          <a:xfrm>
            <a:off x="7525526" y="0"/>
            <a:ext cx="2659422" cy="6858000"/>
          </a:xfrm>
          <a:custGeom>
            <a:avLst/>
            <a:gdLst>
              <a:gd name="T0" fmla="*/ 3689 w 6472"/>
              <a:gd name="T1" fmla="*/ 11007 h 11008"/>
              <a:gd name="T2" fmla="*/ 2772 w 6472"/>
              <a:gd name="T3" fmla="*/ 11007 h 11008"/>
              <a:gd name="T4" fmla="*/ 2772 w 6472"/>
              <a:gd name="T5" fmla="*/ 10647 h 11008"/>
              <a:gd name="T6" fmla="*/ 2772 w 6472"/>
              <a:gd name="T7" fmla="*/ 10647 h 11008"/>
              <a:gd name="T8" fmla="*/ 4056 w 6472"/>
              <a:gd name="T9" fmla="*/ 9363 h 11008"/>
              <a:gd name="T10" fmla="*/ 5187 w 6472"/>
              <a:gd name="T11" fmla="*/ 9363 h 11008"/>
              <a:gd name="T12" fmla="*/ 5187 w 6472"/>
              <a:gd name="T13" fmla="*/ 9363 h 11008"/>
              <a:gd name="T14" fmla="*/ 5554 w 6472"/>
              <a:gd name="T15" fmla="*/ 8996 h 11008"/>
              <a:gd name="T16" fmla="*/ 5554 w 6472"/>
              <a:gd name="T17" fmla="*/ 8996 h 11008"/>
              <a:gd name="T18" fmla="*/ 5187 w 6472"/>
              <a:gd name="T19" fmla="*/ 8629 h 11008"/>
              <a:gd name="T20" fmla="*/ 1285 w 6472"/>
              <a:gd name="T21" fmla="*/ 8629 h 11008"/>
              <a:gd name="T22" fmla="*/ 1285 w 6472"/>
              <a:gd name="T23" fmla="*/ 8629 h 11008"/>
              <a:gd name="T24" fmla="*/ 0 w 6472"/>
              <a:gd name="T25" fmla="*/ 7344 h 11008"/>
              <a:gd name="T26" fmla="*/ 0 w 6472"/>
              <a:gd name="T27" fmla="*/ 7344 h 11008"/>
              <a:gd name="T28" fmla="*/ 1285 w 6472"/>
              <a:gd name="T29" fmla="*/ 6060 h 11008"/>
              <a:gd name="T30" fmla="*/ 5187 w 6472"/>
              <a:gd name="T31" fmla="*/ 6060 h 11008"/>
              <a:gd name="T32" fmla="*/ 5187 w 6472"/>
              <a:gd name="T33" fmla="*/ 6060 h 11008"/>
              <a:gd name="T34" fmla="*/ 5554 w 6472"/>
              <a:gd name="T35" fmla="*/ 5694 h 11008"/>
              <a:gd name="T36" fmla="*/ 5554 w 6472"/>
              <a:gd name="T37" fmla="*/ 5694 h 11008"/>
              <a:gd name="T38" fmla="*/ 5187 w 6472"/>
              <a:gd name="T39" fmla="*/ 5328 h 11008"/>
              <a:gd name="T40" fmla="*/ 1285 w 6472"/>
              <a:gd name="T41" fmla="*/ 5328 h 11008"/>
              <a:gd name="T42" fmla="*/ 1285 w 6472"/>
              <a:gd name="T43" fmla="*/ 5328 h 11008"/>
              <a:gd name="T44" fmla="*/ 0 w 6472"/>
              <a:gd name="T45" fmla="*/ 4044 h 11008"/>
              <a:gd name="T46" fmla="*/ 0 w 6472"/>
              <a:gd name="T47" fmla="*/ 4044 h 11008"/>
              <a:gd name="T48" fmla="*/ 1285 w 6472"/>
              <a:gd name="T49" fmla="*/ 2759 h 11008"/>
              <a:gd name="T50" fmla="*/ 2410 w 6472"/>
              <a:gd name="T51" fmla="*/ 2759 h 11008"/>
              <a:gd name="T52" fmla="*/ 2410 w 6472"/>
              <a:gd name="T53" fmla="*/ 2759 h 11008"/>
              <a:gd name="T54" fmla="*/ 2777 w 6472"/>
              <a:gd name="T55" fmla="*/ 2392 h 11008"/>
              <a:gd name="T56" fmla="*/ 2777 w 6472"/>
              <a:gd name="T57" fmla="*/ 0 h 11008"/>
              <a:gd name="T58" fmla="*/ 3694 w 6472"/>
              <a:gd name="T59" fmla="*/ 0 h 11008"/>
              <a:gd name="T60" fmla="*/ 3694 w 6472"/>
              <a:gd name="T61" fmla="*/ 2392 h 11008"/>
              <a:gd name="T62" fmla="*/ 3694 w 6472"/>
              <a:gd name="T63" fmla="*/ 2392 h 11008"/>
              <a:gd name="T64" fmla="*/ 2410 w 6472"/>
              <a:gd name="T65" fmla="*/ 3677 h 11008"/>
              <a:gd name="T66" fmla="*/ 1285 w 6472"/>
              <a:gd name="T67" fmla="*/ 3677 h 11008"/>
              <a:gd name="T68" fmla="*/ 1285 w 6472"/>
              <a:gd name="T69" fmla="*/ 3677 h 11008"/>
              <a:gd name="T70" fmla="*/ 918 w 6472"/>
              <a:gd name="T71" fmla="*/ 4044 h 11008"/>
              <a:gd name="T72" fmla="*/ 918 w 6472"/>
              <a:gd name="T73" fmla="*/ 4044 h 11008"/>
              <a:gd name="T74" fmla="*/ 1285 w 6472"/>
              <a:gd name="T75" fmla="*/ 4411 h 11008"/>
              <a:gd name="T76" fmla="*/ 5187 w 6472"/>
              <a:gd name="T77" fmla="*/ 4411 h 11008"/>
              <a:gd name="T78" fmla="*/ 5187 w 6472"/>
              <a:gd name="T79" fmla="*/ 4411 h 11008"/>
              <a:gd name="T80" fmla="*/ 6471 w 6472"/>
              <a:gd name="T81" fmla="*/ 5694 h 11008"/>
              <a:gd name="T82" fmla="*/ 6471 w 6472"/>
              <a:gd name="T83" fmla="*/ 5694 h 11008"/>
              <a:gd name="T84" fmla="*/ 5187 w 6472"/>
              <a:gd name="T85" fmla="*/ 6977 h 11008"/>
              <a:gd name="T86" fmla="*/ 1285 w 6472"/>
              <a:gd name="T87" fmla="*/ 6977 h 11008"/>
              <a:gd name="T88" fmla="*/ 1285 w 6472"/>
              <a:gd name="T89" fmla="*/ 6977 h 11008"/>
              <a:gd name="T90" fmla="*/ 918 w 6472"/>
              <a:gd name="T91" fmla="*/ 7344 h 11008"/>
              <a:gd name="T92" fmla="*/ 918 w 6472"/>
              <a:gd name="T93" fmla="*/ 7344 h 11008"/>
              <a:gd name="T94" fmla="*/ 1285 w 6472"/>
              <a:gd name="T95" fmla="*/ 7711 h 11008"/>
              <a:gd name="T96" fmla="*/ 5187 w 6472"/>
              <a:gd name="T97" fmla="*/ 7711 h 11008"/>
              <a:gd name="T98" fmla="*/ 5187 w 6472"/>
              <a:gd name="T99" fmla="*/ 7711 h 11008"/>
              <a:gd name="T100" fmla="*/ 6471 w 6472"/>
              <a:gd name="T101" fmla="*/ 8996 h 11008"/>
              <a:gd name="T102" fmla="*/ 6471 w 6472"/>
              <a:gd name="T103" fmla="*/ 8996 h 11008"/>
              <a:gd name="T104" fmla="*/ 5187 w 6472"/>
              <a:gd name="T105" fmla="*/ 10280 h 11008"/>
              <a:gd name="T106" fmla="*/ 4056 w 6472"/>
              <a:gd name="T107" fmla="*/ 10280 h 11008"/>
              <a:gd name="T108" fmla="*/ 4056 w 6472"/>
              <a:gd name="T109" fmla="*/ 10280 h 11008"/>
              <a:gd name="T110" fmla="*/ 3689 w 6472"/>
              <a:gd name="T111" fmla="*/ 10647 h 11008"/>
              <a:gd name="T112" fmla="*/ 3689 w 6472"/>
              <a:gd name="T113" fmla="*/ 11007 h 110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472" h="11008">
                <a:moveTo>
                  <a:pt x="3689" y="11007"/>
                </a:moveTo>
                <a:lnTo>
                  <a:pt x="2772" y="11007"/>
                </a:lnTo>
                <a:lnTo>
                  <a:pt x="2772" y="10647"/>
                </a:lnTo>
                <a:lnTo>
                  <a:pt x="2772" y="10647"/>
                </a:lnTo>
                <a:cubicBezTo>
                  <a:pt x="2772" y="9939"/>
                  <a:pt x="3347" y="9363"/>
                  <a:pt x="4056" y="9363"/>
                </a:cubicBezTo>
                <a:lnTo>
                  <a:pt x="5187" y="9363"/>
                </a:lnTo>
                <a:lnTo>
                  <a:pt x="5187" y="9363"/>
                </a:lnTo>
                <a:cubicBezTo>
                  <a:pt x="5390" y="9363"/>
                  <a:pt x="5554" y="9198"/>
                  <a:pt x="5554" y="8996"/>
                </a:cubicBezTo>
                <a:lnTo>
                  <a:pt x="5554" y="8996"/>
                </a:lnTo>
                <a:cubicBezTo>
                  <a:pt x="5554" y="8793"/>
                  <a:pt x="5390" y="8629"/>
                  <a:pt x="5187" y="8629"/>
                </a:cubicBezTo>
                <a:lnTo>
                  <a:pt x="1285" y="8629"/>
                </a:lnTo>
                <a:lnTo>
                  <a:pt x="1285" y="8629"/>
                </a:lnTo>
                <a:cubicBezTo>
                  <a:pt x="576" y="8629"/>
                  <a:pt x="0" y="8053"/>
                  <a:pt x="0" y="7344"/>
                </a:cubicBezTo>
                <a:lnTo>
                  <a:pt x="0" y="7344"/>
                </a:lnTo>
                <a:cubicBezTo>
                  <a:pt x="0" y="6637"/>
                  <a:pt x="576" y="6060"/>
                  <a:pt x="1285" y="6060"/>
                </a:cubicBezTo>
                <a:lnTo>
                  <a:pt x="5187" y="6060"/>
                </a:lnTo>
                <a:lnTo>
                  <a:pt x="5187" y="6060"/>
                </a:lnTo>
                <a:cubicBezTo>
                  <a:pt x="5390" y="6060"/>
                  <a:pt x="5554" y="5896"/>
                  <a:pt x="5554" y="5694"/>
                </a:cubicBezTo>
                <a:lnTo>
                  <a:pt x="5554" y="5694"/>
                </a:lnTo>
                <a:cubicBezTo>
                  <a:pt x="5554" y="5492"/>
                  <a:pt x="5390" y="5328"/>
                  <a:pt x="5187" y="5328"/>
                </a:cubicBezTo>
                <a:lnTo>
                  <a:pt x="1285" y="5328"/>
                </a:lnTo>
                <a:lnTo>
                  <a:pt x="1285" y="5328"/>
                </a:lnTo>
                <a:cubicBezTo>
                  <a:pt x="576" y="5328"/>
                  <a:pt x="0" y="4752"/>
                  <a:pt x="0" y="4044"/>
                </a:cubicBezTo>
                <a:lnTo>
                  <a:pt x="0" y="4044"/>
                </a:lnTo>
                <a:cubicBezTo>
                  <a:pt x="0" y="3335"/>
                  <a:pt x="576" y="2759"/>
                  <a:pt x="1285" y="2759"/>
                </a:cubicBezTo>
                <a:lnTo>
                  <a:pt x="2410" y="2759"/>
                </a:lnTo>
                <a:lnTo>
                  <a:pt x="2410" y="2759"/>
                </a:lnTo>
                <a:cubicBezTo>
                  <a:pt x="2613" y="2759"/>
                  <a:pt x="2777" y="2595"/>
                  <a:pt x="2777" y="2392"/>
                </a:cubicBezTo>
                <a:lnTo>
                  <a:pt x="2777" y="0"/>
                </a:lnTo>
                <a:lnTo>
                  <a:pt x="3694" y="0"/>
                </a:lnTo>
                <a:lnTo>
                  <a:pt x="3694" y="2392"/>
                </a:lnTo>
                <a:lnTo>
                  <a:pt x="3694" y="2392"/>
                </a:lnTo>
                <a:cubicBezTo>
                  <a:pt x="3694" y="3101"/>
                  <a:pt x="3118" y="3677"/>
                  <a:pt x="2410" y="3677"/>
                </a:cubicBezTo>
                <a:lnTo>
                  <a:pt x="1285" y="3677"/>
                </a:lnTo>
                <a:lnTo>
                  <a:pt x="1285" y="3677"/>
                </a:lnTo>
                <a:cubicBezTo>
                  <a:pt x="1082" y="3677"/>
                  <a:pt x="918" y="3841"/>
                  <a:pt x="918" y="4044"/>
                </a:cubicBezTo>
                <a:lnTo>
                  <a:pt x="918" y="4044"/>
                </a:lnTo>
                <a:cubicBezTo>
                  <a:pt x="918" y="4246"/>
                  <a:pt x="1082" y="4411"/>
                  <a:pt x="1285" y="4411"/>
                </a:cubicBezTo>
                <a:lnTo>
                  <a:pt x="5187" y="4411"/>
                </a:lnTo>
                <a:lnTo>
                  <a:pt x="5187" y="4411"/>
                </a:lnTo>
                <a:cubicBezTo>
                  <a:pt x="5895" y="4411"/>
                  <a:pt x="6471" y="4987"/>
                  <a:pt x="6471" y="5694"/>
                </a:cubicBezTo>
                <a:lnTo>
                  <a:pt x="6471" y="5694"/>
                </a:lnTo>
                <a:cubicBezTo>
                  <a:pt x="6471" y="6402"/>
                  <a:pt x="5895" y="6977"/>
                  <a:pt x="5187" y="6977"/>
                </a:cubicBezTo>
                <a:lnTo>
                  <a:pt x="1285" y="6977"/>
                </a:lnTo>
                <a:lnTo>
                  <a:pt x="1285" y="6977"/>
                </a:lnTo>
                <a:cubicBezTo>
                  <a:pt x="1082" y="6977"/>
                  <a:pt x="918" y="7143"/>
                  <a:pt x="918" y="7344"/>
                </a:cubicBezTo>
                <a:lnTo>
                  <a:pt x="918" y="7344"/>
                </a:lnTo>
                <a:cubicBezTo>
                  <a:pt x="918" y="7547"/>
                  <a:pt x="1082" y="7711"/>
                  <a:pt x="1285" y="7711"/>
                </a:cubicBezTo>
                <a:lnTo>
                  <a:pt x="5187" y="7711"/>
                </a:lnTo>
                <a:lnTo>
                  <a:pt x="5187" y="7711"/>
                </a:lnTo>
                <a:cubicBezTo>
                  <a:pt x="5895" y="7711"/>
                  <a:pt x="6471" y="8287"/>
                  <a:pt x="6471" y="8996"/>
                </a:cubicBezTo>
                <a:lnTo>
                  <a:pt x="6471" y="8996"/>
                </a:lnTo>
                <a:cubicBezTo>
                  <a:pt x="6471" y="9704"/>
                  <a:pt x="5895" y="10280"/>
                  <a:pt x="5187" y="10280"/>
                </a:cubicBezTo>
                <a:lnTo>
                  <a:pt x="4056" y="10280"/>
                </a:lnTo>
                <a:lnTo>
                  <a:pt x="4056" y="10280"/>
                </a:lnTo>
                <a:cubicBezTo>
                  <a:pt x="3853" y="10280"/>
                  <a:pt x="3689" y="10444"/>
                  <a:pt x="3689" y="10647"/>
                </a:cubicBezTo>
                <a:lnTo>
                  <a:pt x="3689" y="11007"/>
                </a:lnTo>
              </a:path>
            </a:pathLst>
          </a:custGeom>
          <a:solidFill>
            <a:schemeClr val="accent6">
              <a:alpha val="40000"/>
            </a:schemeClr>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4" name="Freeform 29">
            <a:extLst>
              <a:ext uri="{FF2B5EF4-FFF2-40B4-BE49-F238E27FC236}">
                <a16:creationId xmlns:a16="http://schemas.microsoft.com/office/drawing/2014/main" id="{C8402C28-7409-488E-6B57-2E8E523B5FC1}"/>
              </a:ext>
            </a:extLst>
          </p:cNvPr>
          <p:cNvSpPr>
            <a:spLocks noChangeArrowheads="1"/>
          </p:cNvSpPr>
          <p:nvPr/>
        </p:nvSpPr>
        <p:spPr bwMode="auto">
          <a:xfrm>
            <a:off x="7823205" y="0"/>
            <a:ext cx="1922798" cy="6751320"/>
          </a:xfrm>
          <a:custGeom>
            <a:avLst/>
            <a:gdLst>
              <a:gd name="connsiteX0" fmla="*/ 1902033 w 3845787"/>
              <a:gd name="connsiteY0" fmla="*/ 7323434 h 7534754"/>
              <a:gd name="connsiteX1" fmla="*/ 1937679 w 3845787"/>
              <a:gd name="connsiteY1" fmla="*/ 7323434 h 7534754"/>
              <a:gd name="connsiteX2" fmla="*/ 1937679 w 3845787"/>
              <a:gd name="connsiteY2" fmla="*/ 7534754 h 7534754"/>
              <a:gd name="connsiteX3" fmla="*/ 1902033 w 3845787"/>
              <a:gd name="connsiteY3" fmla="*/ 7534754 h 7534754"/>
              <a:gd name="connsiteX4" fmla="*/ 2031274 w 3845787"/>
              <a:gd name="connsiteY4" fmla="*/ 6923643 h 7534754"/>
              <a:gd name="connsiteX5" fmla="*/ 2058837 w 3845787"/>
              <a:gd name="connsiteY5" fmla="*/ 6945474 h 7534754"/>
              <a:gd name="connsiteX6" fmla="*/ 1963057 w 3845787"/>
              <a:gd name="connsiteY6" fmla="*/ 7122856 h 7534754"/>
              <a:gd name="connsiteX7" fmla="*/ 1929292 w 3845787"/>
              <a:gd name="connsiteY7" fmla="*/ 7112622 h 7534754"/>
              <a:gd name="connsiteX8" fmla="*/ 2031274 w 3845787"/>
              <a:gd name="connsiteY8" fmla="*/ 6923643 h 7534754"/>
              <a:gd name="connsiteX9" fmla="*/ 2395606 w 3845787"/>
              <a:gd name="connsiteY9" fmla="*/ 6711633 h 7534754"/>
              <a:gd name="connsiteX10" fmla="*/ 2401087 w 3845787"/>
              <a:gd name="connsiteY10" fmla="*/ 6746880 h 7534754"/>
              <a:gd name="connsiteX11" fmla="*/ 2210605 w 3845787"/>
              <a:gd name="connsiteY11" fmla="*/ 6813918 h 7534754"/>
              <a:gd name="connsiteX12" fmla="*/ 2192790 w 3845787"/>
              <a:gd name="connsiteY12" fmla="*/ 6784200 h 7534754"/>
              <a:gd name="connsiteX13" fmla="*/ 2395606 w 3845787"/>
              <a:gd name="connsiteY13" fmla="*/ 6711633 h 7534754"/>
              <a:gd name="connsiteX14" fmla="*/ 3028715 w 3845787"/>
              <a:gd name="connsiteY14" fmla="*/ 6702544 h 7534754"/>
              <a:gd name="connsiteX15" fmla="*/ 3237014 w 3845787"/>
              <a:gd name="connsiteY15" fmla="*/ 6702544 h 7534754"/>
              <a:gd name="connsiteX16" fmla="*/ 3237014 w 3845787"/>
              <a:gd name="connsiteY16" fmla="*/ 6738190 h 7534754"/>
              <a:gd name="connsiteX17" fmla="*/ 3028715 w 3845787"/>
              <a:gd name="connsiteY17" fmla="*/ 6738190 h 7534754"/>
              <a:gd name="connsiteX18" fmla="*/ 2607726 w 3845787"/>
              <a:gd name="connsiteY18" fmla="*/ 6702544 h 7534754"/>
              <a:gd name="connsiteX19" fmla="*/ 2819046 w 3845787"/>
              <a:gd name="connsiteY19" fmla="*/ 6702544 h 7534754"/>
              <a:gd name="connsiteX20" fmla="*/ 2819046 w 3845787"/>
              <a:gd name="connsiteY20" fmla="*/ 6738190 h 7534754"/>
              <a:gd name="connsiteX21" fmla="*/ 2607726 w 3845787"/>
              <a:gd name="connsiteY21" fmla="*/ 6738190 h 7534754"/>
              <a:gd name="connsiteX22" fmla="*/ 3617162 w 3845787"/>
              <a:gd name="connsiteY22" fmla="*/ 6575338 h 7534754"/>
              <a:gd name="connsiteX23" fmla="*/ 3639830 w 3845787"/>
              <a:gd name="connsiteY23" fmla="*/ 6602267 h 7534754"/>
              <a:gd name="connsiteX24" fmla="*/ 3451613 w 3845787"/>
              <a:gd name="connsiteY24" fmla="*/ 6707910 h 7534754"/>
              <a:gd name="connsiteX25" fmla="*/ 3440622 w 3845787"/>
              <a:gd name="connsiteY25" fmla="*/ 6674767 h 7534754"/>
              <a:gd name="connsiteX26" fmla="*/ 3617162 w 3845787"/>
              <a:gd name="connsiteY26" fmla="*/ 6575338 h 7534754"/>
              <a:gd name="connsiteX27" fmla="*/ 3810378 w 3845787"/>
              <a:gd name="connsiteY27" fmla="*/ 6227039 h 7534754"/>
              <a:gd name="connsiteX28" fmla="*/ 3845776 w 3845787"/>
              <a:gd name="connsiteY28" fmla="*/ 6231835 h 7534754"/>
              <a:gd name="connsiteX29" fmla="*/ 3777062 w 3845787"/>
              <a:gd name="connsiteY29" fmla="*/ 6435334 h 7534754"/>
              <a:gd name="connsiteX30" fmla="*/ 3746523 w 3845787"/>
              <a:gd name="connsiteY30" fmla="*/ 6418889 h 7534754"/>
              <a:gd name="connsiteX31" fmla="*/ 3810378 w 3845787"/>
              <a:gd name="connsiteY31" fmla="*/ 6227039 h 7534754"/>
              <a:gd name="connsiteX32" fmla="*/ 3745764 w 3845787"/>
              <a:gd name="connsiteY32" fmla="*/ 5821189 h 7534754"/>
              <a:gd name="connsiteX33" fmla="*/ 3833666 w 3845787"/>
              <a:gd name="connsiteY33" fmla="*/ 6018187 h 7534754"/>
              <a:gd name="connsiteX34" fmla="*/ 3799329 w 3845787"/>
              <a:gd name="connsiteY34" fmla="*/ 6026453 h 7534754"/>
              <a:gd name="connsiteX35" fmla="*/ 3716234 w 3845787"/>
              <a:gd name="connsiteY35" fmla="*/ 5841164 h 7534754"/>
              <a:gd name="connsiteX36" fmla="*/ 3393655 w 3845787"/>
              <a:gd name="connsiteY36" fmla="*/ 5584951 h 7534754"/>
              <a:gd name="connsiteX37" fmla="*/ 3591369 w 3845787"/>
              <a:gd name="connsiteY37" fmla="*/ 5670584 h 7534754"/>
              <a:gd name="connsiteX38" fmla="*/ 3571461 w 3845787"/>
              <a:gd name="connsiteY38" fmla="*/ 5699357 h 7534754"/>
              <a:gd name="connsiteX39" fmla="*/ 3386103 w 3845787"/>
              <a:gd name="connsiteY39" fmla="*/ 5618519 h 7534754"/>
              <a:gd name="connsiteX40" fmla="*/ 2971172 w 3845787"/>
              <a:gd name="connsiteY40" fmla="*/ 5569805 h 7534754"/>
              <a:gd name="connsiteX41" fmla="*/ 3182492 w 3845787"/>
              <a:gd name="connsiteY41" fmla="*/ 5569805 h 7534754"/>
              <a:gd name="connsiteX42" fmla="*/ 3182492 w 3845787"/>
              <a:gd name="connsiteY42" fmla="*/ 5605451 h 7534754"/>
              <a:gd name="connsiteX43" fmla="*/ 2971172 w 3845787"/>
              <a:gd name="connsiteY43" fmla="*/ 5605451 h 7534754"/>
              <a:gd name="connsiteX44" fmla="*/ 2550180 w 3845787"/>
              <a:gd name="connsiteY44" fmla="*/ 5569805 h 7534754"/>
              <a:gd name="connsiteX45" fmla="*/ 2761500 w 3845787"/>
              <a:gd name="connsiteY45" fmla="*/ 5569805 h 7534754"/>
              <a:gd name="connsiteX46" fmla="*/ 2761500 w 3845787"/>
              <a:gd name="connsiteY46" fmla="*/ 5605451 h 7534754"/>
              <a:gd name="connsiteX47" fmla="*/ 2550180 w 3845787"/>
              <a:gd name="connsiteY47" fmla="*/ 5605451 h 7534754"/>
              <a:gd name="connsiteX48" fmla="*/ 2132217 w 3845787"/>
              <a:gd name="connsiteY48" fmla="*/ 5569805 h 7534754"/>
              <a:gd name="connsiteX49" fmla="*/ 2343537 w 3845787"/>
              <a:gd name="connsiteY49" fmla="*/ 5569805 h 7534754"/>
              <a:gd name="connsiteX50" fmla="*/ 2343537 w 3845787"/>
              <a:gd name="connsiteY50" fmla="*/ 5605451 h 7534754"/>
              <a:gd name="connsiteX51" fmla="*/ 2132217 w 3845787"/>
              <a:gd name="connsiteY51" fmla="*/ 5605451 h 7534754"/>
              <a:gd name="connsiteX52" fmla="*/ 1711227 w 3845787"/>
              <a:gd name="connsiteY52" fmla="*/ 5569805 h 7534754"/>
              <a:gd name="connsiteX53" fmla="*/ 1922547 w 3845787"/>
              <a:gd name="connsiteY53" fmla="*/ 5569805 h 7534754"/>
              <a:gd name="connsiteX54" fmla="*/ 1922547 w 3845787"/>
              <a:gd name="connsiteY54" fmla="*/ 5605451 h 7534754"/>
              <a:gd name="connsiteX55" fmla="*/ 1711227 w 3845787"/>
              <a:gd name="connsiteY55" fmla="*/ 5605451 h 7534754"/>
              <a:gd name="connsiteX56" fmla="*/ 1293264 w 3845787"/>
              <a:gd name="connsiteY56" fmla="*/ 5569805 h 7534754"/>
              <a:gd name="connsiteX57" fmla="*/ 1501561 w 3845787"/>
              <a:gd name="connsiteY57" fmla="*/ 5569805 h 7534754"/>
              <a:gd name="connsiteX58" fmla="*/ 1501561 w 3845787"/>
              <a:gd name="connsiteY58" fmla="*/ 5605451 h 7534754"/>
              <a:gd name="connsiteX59" fmla="*/ 1293264 w 3845787"/>
              <a:gd name="connsiteY59" fmla="*/ 5605451 h 7534754"/>
              <a:gd name="connsiteX60" fmla="*/ 872272 w 3845787"/>
              <a:gd name="connsiteY60" fmla="*/ 5569805 h 7534754"/>
              <a:gd name="connsiteX61" fmla="*/ 1083591 w 3845787"/>
              <a:gd name="connsiteY61" fmla="*/ 5569805 h 7534754"/>
              <a:gd name="connsiteX62" fmla="*/ 1083591 w 3845787"/>
              <a:gd name="connsiteY62" fmla="*/ 5605451 h 7534754"/>
              <a:gd name="connsiteX63" fmla="*/ 872272 w 3845787"/>
              <a:gd name="connsiteY63" fmla="*/ 5605451 h 7534754"/>
              <a:gd name="connsiteX64" fmla="*/ 456548 w 3845787"/>
              <a:gd name="connsiteY64" fmla="*/ 5554664 h 7534754"/>
              <a:gd name="connsiteX65" fmla="*/ 584466 w 3845787"/>
              <a:gd name="connsiteY65" fmla="*/ 5569475 h 7534754"/>
              <a:gd name="connsiteX66" fmla="*/ 662599 w 3845787"/>
              <a:gd name="connsiteY66" fmla="*/ 5569475 h 7534754"/>
              <a:gd name="connsiteX67" fmla="*/ 662599 w 3845787"/>
              <a:gd name="connsiteY67" fmla="*/ 5605445 h 7534754"/>
              <a:gd name="connsiteX68" fmla="*/ 584466 w 3845787"/>
              <a:gd name="connsiteY68" fmla="*/ 5605445 h 7534754"/>
              <a:gd name="connsiteX69" fmla="*/ 448251 w 3845787"/>
              <a:gd name="connsiteY69" fmla="*/ 5589224 h 7534754"/>
              <a:gd name="connsiteX70" fmla="*/ 129407 w 3845787"/>
              <a:gd name="connsiteY70" fmla="*/ 5327507 h 7534754"/>
              <a:gd name="connsiteX71" fmla="*/ 271901 w 3845787"/>
              <a:gd name="connsiteY71" fmla="*/ 5470687 h 7534754"/>
              <a:gd name="connsiteX72" fmla="*/ 252034 w 3845787"/>
              <a:gd name="connsiteY72" fmla="*/ 5499460 h 7534754"/>
              <a:gd name="connsiteX73" fmla="*/ 99950 w 3845787"/>
              <a:gd name="connsiteY73" fmla="*/ 5347374 h 7534754"/>
              <a:gd name="connsiteX74" fmla="*/ 6348 w 3845787"/>
              <a:gd name="connsiteY74" fmla="*/ 4936804 h 7534754"/>
              <a:gd name="connsiteX75" fmla="*/ 41614 w 3845787"/>
              <a:gd name="connsiteY75" fmla="*/ 4941598 h 7534754"/>
              <a:gd name="connsiteX76" fmla="*/ 35972 w 3845787"/>
              <a:gd name="connsiteY76" fmla="*/ 5018984 h 7534754"/>
              <a:gd name="connsiteX77" fmla="*/ 50783 w 3845787"/>
              <a:gd name="connsiteY77" fmla="*/ 5142939 h 7534754"/>
              <a:gd name="connsiteX78" fmla="*/ 15517 w 3845787"/>
              <a:gd name="connsiteY78" fmla="*/ 5151157 h 7534754"/>
              <a:gd name="connsiteX79" fmla="*/ 0 w 3845787"/>
              <a:gd name="connsiteY79" fmla="*/ 5018984 h 7534754"/>
              <a:gd name="connsiteX80" fmla="*/ 6348 w 3845787"/>
              <a:gd name="connsiteY80" fmla="*/ 4936804 h 7534754"/>
              <a:gd name="connsiteX81" fmla="*/ 213603 w 3845787"/>
              <a:gd name="connsiteY81" fmla="*/ 4567303 h 7534754"/>
              <a:gd name="connsiteX82" fmla="*/ 235555 w 3845787"/>
              <a:gd name="connsiteY82" fmla="*/ 4594289 h 7534754"/>
              <a:gd name="connsiteX83" fmla="*/ 105903 w 3845787"/>
              <a:gd name="connsiteY83" fmla="*/ 4751362 h 7534754"/>
              <a:gd name="connsiteX84" fmla="*/ 75720 w 3845787"/>
              <a:gd name="connsiteY84" fmla="*/ 4733371 h 7534754"/>
              <a:gd name="connsiteX85" fmla="*/ 213603 w 3845787"/>
              <a:gd name="connsiteY85" fmla="*/ 4567303 h 7534754"/>
              <a:gd name="connsiteX86" fmla="*/ 584408 w 3845787"/>
              <a:gd name="connsiteY86" fmla="*/ 4434039 h 7534754"/>
              <a:gd name="connsiteX87" fmla="*/ 614140 w 3845787"/>
              <a:gd name="connsiteY87" fmla="*/ 4434039 h 7534754"/>
              <a:gd name="connsiteX88" fmla="*/ 614140 w 3845787"/>
              <a:gd name="connsiteY88" fmla="*/ 4469684 h 7534754"/>
              <a:gd name="connsiteX89" fmla="*/ 584408 w 3845787"/>
              <a:gd name="connsiteY89" fmla="*/ 4469684 h 7534754"/>
              <a:gd name="connsiteX90" fmla="*/ 410855 w 3845787"/>
              <a:gd name="connsiteY90" fmla="*/ 4496942 h 7534754"/>
              <a:gd name="connsiteX91" fmla="*/ 399792 w 3845787"/>
              <a:gd name="connsiteY91" fmla="*/ 4463394 h 7534754"/>
              <a:gd name="connsiteX92" fmla="*/ 584408 w 3845787"/>
              <a:gd name="connsiteY92" fmla="*/ 4434039 h 7534754"/>
              <a:gd name="connsiteX93" fmla="*/ 2922713 w 3845787"/>
              <a:gd name="connsiteY93" fmla="*/ 4434037 h 7534754"/>
              <a:gd name="connsiteX94" fmla="*/ 3134033 w 3845787"/>
              <a:gd name="connsiteY94" fmla="*/ 4434037 h 7534754"/>
              <a:gd name="connsiteX95" fmla="*/ 3134033 w 3845787"/>
              <a:gd name="connsiteY95" fmla="*/ 4469683 h 7534754"/>
              <a:gd name="connsiteX96" fmla="*/ 2922713 w 3845787"/>
              <a:gd name="connsiteY96" fmla="*/ 4469683 h 7534754"/>
              <a:gd name="connsiteX97" fmla="*/ 2501720 w 3845787"/>
              <a:gd name="connsiteY97" fmla="*/ 4434037 h 7534754"/>
              <a:gd name="connsiteX98" fmla="*/ 2713040 w 3845787"/>
              <a:gd name="connsiteY98" fmla="*/ 4434037 h 7534754"/>
              <a:gd name="connsiteX99" fmla="*/ 2713040 w 3845787"/>
              <a:gd name="connsiteY99" fmla="*/ 4469683 h 7534754"/>
              <a:gd name="connsiteX100" fmla="*/ 2501720 w 3845787"/>
              <a:gd name="connsiteY100" fmla="*/ 4469683 h 7534754"/>
              <a:gd name="connsiteX101" fmla="*/ 2083758 w 3845787"/>
              <a:gd name="connsiteY101" fmla="*/ 4434037 h 7534754"/>
              <a:gd name="connsiteX102" fmla="*/ 2295078 w 3845787"/>
              <a:gd name="connsiteY102" fmla="*/ 4434037 h 7534754"/>
              <a:gd name="connsiteX103" fmla="*/ 2295078 w 3845787"/>
              <a:gd name="connsiteY103" fmla="*/ 4469683 h 7534754"/>
              <a:gd name="connsiteX104" fmla="*/ 2083758 w 3845787"/>
              <a:gd name="connsiteY104" fmla="*/ 4469683 h 7534754"/>
              <a:gd name="connsiteX105" fmla="*/ 1662767 w 3845787"/>
              <a:gd name="connsiteY105" fmla="*/ 4434037 h 7534754"/>
              <a:gd name="connsiteX106" fmla="*/ 1874086 w 3845787"/>
              <a:gd name="connsiteY106" fmla="*/ 4434037 h 7534754"/>
              <a:gd name="connsiteX107" fmla="*/ 1874086 w 3845787"/>
              <a:gd name="connsiteY107" fmla="*/ 4469683 h 7534754"/>
              <a:gd name="connsiteX108" fmla="*/ 1662767 w 3845787"/>
              <a:gd name="connsiteY108" fmla="*/ 4469683 h 7534754"/>
              <a:gd name="connsiteX109" fmla="*/ 1244805 w 3845787"/>
              <a:gd name="connsiteY109" fmla="*/ 4434037 h 7534754"/>
              <a:gd name="connsiteX110" fmla="*/ 1456124 w 3845787"/>
              <a:gd name="connsiteY110" fmla="*/ 4434037 h 7534754"/>
              <a:gd name="connsiteX111" fmla="*/ 1456124 w 3845787"/>
              <a:gd name="connsiteY111" fmla="*/ 4469683 h 7534754"/>
              <a:gd name="connsiteX112" fmla="*/ 1244805 w 3845787"/>
              <a:gd name="connsiteY112" fmla="*/ 4469683 h 7534754"/>
              <a:gd name="connsiteX113" fmla="*/ 823810 w 3845787"/>
              <a:gd name="connsiteY113" fmla="*/ 4434037 h 7534754"/>
              <a:gd name="connsiteX114" fmla="*/ 1032109 w 3845787"/>
              <a:gd name="connsiteY114" fmla="*/ 4434037 h 7534754"/>
              <a:gd name="connsiteX115" fmla="*/ 1032109 w 3845787"/>
              <a:gd name="connsiteY115" fmla="*/ 4469683 h 7534754"/>
              <a:gd name="connsiteX116" fmla="*/ 823810 w 3845787"/>
              <a:gd name="connsiteY116" fmla="*/ 4469683 h 7534754"/>
              <a:gd name="connsiteX117" fmla="*/ 3531841 w 3845787"/>
              <a:gd name="connsiteY117" fmla="*/ 4364376 h 7534754"/>
              <a:gd name="connsiteX118" fmla="*/ 3548970 w 3845787"/>
              <a:gd name="connsiteY118" fmla="*/ 4395394 h 7534754"/>
              <a:gd name="connsiteX119" fmla="*/ 3345472 w 3845787"/>
              <a:gd name="connsiteY119" fmla="*/ 4463635 h 7534754"/>
              <a:gd name="connsiteX120" fmla="*/ 3340675 w 3845787"/>
              <a:gd name="connsiteY120" fmla="*/ 4429170 h 7534754"/>
              <a:gd name="connsiteX121" fmla="*/ 3531841 w 3845787"/>
              <a:gd name="connsiteY121" fmla="*/ 4364376 h 7534754"/>
              <a:gd name="connsiteX122" fmla="*/ 3785376 w 3845787"/>
              <a:gd name="connsiteY122" fmla="*/ 4058479 h 7534754"/>
              <a:gd name="connsiteX123" fmla="*/ 3818520 w 3845787"/>
              <a:gd name="connsiteY123" fmla="*/ 4069470 h 7534754"/>
              <a:gd name="connsiteX124" fmla="*/ 3713566 w 3845787"/>
              <a:gd name="connsiteY124" fmla="*/ 4257687 h 7534754"/>
              <a:gd name="connsiteX125" fmla="*/ 3685947 w 3845787"/>
              <a:gd name="connsiteY125" fmla="*/ 4235705 h 7534754"/>
              <a:gd name="connsiteX126" fmla="*/ 3785376 w 3845787"/>
              <a:gd name="connsiteY126" fmla="*/ 4058479 h 7534754"/>
              <a:gd name="connsiteX127" fmla="*/ 3796041 w 3845787"/>
              <a:gd name="connsiteY127" fmla="*/ 3649601 h 7534754"/>
              <a:gd name="connsiteX128" fmla="*/ 3845787 w 3845787"/>
              <a:gd name="connsiteY128" fmla="*/ 3859539 h 7534754"/>
              <a:gd name="connsiteX129" fmla="*/ 3811033 w 3845787"/>
              <a:gd name="connsiteY129" fmla="*/ 3860920 h 7534754"/>
              <a:gd name="connsiteX130" fmla="*/ 3764694 w 3845787"/>
              <a:gd name="connsiteY130" fmla="*/ 3664103 h 7534754"/>
              <a:gd name="connsiteX131" fmla="*/ 3496654 w 3845787"/>
              <a:gd name="connsiteY131" fmla="*/ 3349757 h 7534754"/>
              <a:gd name="connsiteX132" fmla="*/ 3673153 w 3845787"/>
              <a:gd name="connsiteY132" fmla="*/ 3469199 h 7534754"/>
              <a:gd name="connsiteX133" fmla="*/ 3648620 w 3845787"/>
              <a:gd name="connsiteY133" fmla="*/ 3494453 h 7534754"/>
              <a:gd name="connsiteX134" fmla="*/ 3483024 w 3845787"/>
              <a:gd name="connsiteY134" fmla="*/ 3381153 h 7534754"/>
              <a:gd name="connsiteX135" fmla="*/ 3077176 w 3845787"/>
              <a:gd name="connsiteY135" fmla="*/ 3301298 h 7534754"/>
              <a:gd name="connsiteX136" fmla="*/ 3264406 w 3845787"/>
              <a:gd name="connsiteY136" fmla="*/ 3301298 h 7534754"/>
              <a:gd name="connsiteX137" fmla="*/ 3288498 w 3845787"/>
              <a:gd name="connsiteY137" fmla="*/ 3301298 h 7534754"/>
              <a:gd name="connsiteX138" fmla="*/ 3287121 w 3845787"/>
              <a:gd name="connsiteY138" fmla="*/ 3336944 h 7534754"/>
              <a:gd name="connsiteX139" fmla="*/ 3264406 w 3845787"/>
              <a:gd name="connsiteY139" fmla="*/ 3336245 h 7534754"/>
              <a:gd name="connsiteX140" fmla="*/ 3077176 w 3845787"/>
              <a:gd name="connsiteY140" fmla="*/ 3336245 h 7534754"/>
              <a:gd name="connsiteX141" fmla="*/ 2656186 w 3845787"/>
              <a:gd name="connsiteY141" fmla="*/ 3301298 h 7534754"/>
              <a:gd name="connsiteX142" fmla="*/ 2867506 w 3845787"/>
              <a:gd name="connsiteY142" fmla="*/ 3301298 h 7534754"/>
              <a:gd name="connsiteX143" fmla="*/ 2867506 w 3845787"/>
              <a:gd name="connsiteY143" fmla="*/ 3336930 h 7534754"/>
              <a:gd name="connsiteX144" fmla="*/ 2656186 w 3845787"/>
              <a:gd name="connsiteY144" fmla="*/ 3336930 h 7534754"/>
              <a:gd name="connsiteX145" fmla="*/ 2238223 w 3845787"/>
              <a:gd name="connsiteY145" fmla="*/ 3301298 h 7534754"/>
              <a:gd name="connsiteX146" fmla="*/ 2449543 w 3845787"/>
              <a:gd name="connsiteY146" fmla="*/ 3301298 h 7534754"/>
              <a:gd name="connsiteX147" fmla="*/ 2449543 w 3845787"/>
              <a:gd name="connsiteY147" fmla="*/ 3336930 h 7534754"/>
              <a:gd name="connsiteX148" fmla="*/ 2238223 w 3845787"/>
              <a:gd name="connsiteY148" fmla="*/ 3336930 h 7534754"/>
              <a:gd name="connsiteX149" fmla="*/ 1817229 w 3845787"/>
              <a:gd name="connsiteY149" fmla="*/ 3301298 h 7534754"/>
              <a:gd name="connsiteX150" fmla="*/ 2025528 w 3845787"/>
              <a:gd name="connsiteY150" fmla="*/ 3301298 h 7534754"/>
              <a:gd name="connsiteX151" fmla="*/ 2025528 w 3845787"/>
              <a:gd name="connsiteY151" fmla="*/ 3336930 h 7534754"/>
              <a:gd name="connsiteX152" fmla="*/ 1817229 w 3845787"/>
              <a:gd name="connsiteY152" fmla="*/ 3336930 h 7534754"/>
              <a:gd name="connsiteX153" fmla="*/ 1399268 w 3845787"/>
              <a:gd name="connsiteY153" fmla="*/ 3301298 h 7534754"/>
              <a:gd name="connsiteX154" fmla="*/ 1610587 w 3845787"/>
              <a:gd name="connsiteY154" fmla="*/ 3301298 h 7534754"/>
              <a:gd name="connsiteX155" fmla="*/ 1610587 w 3845787"/>
              <a:gd name="connsiteY155" fmla="*/ 3336930 h 7534754"/>
              <a:gd name="connsiteX156" fmla="*/ 1399268 w 3845787"/>
              <a:gd name="connsiteY156" fmla="*/ 3336930 h 7534754"/>
              <a:gd name="connsiteX157" fmla="*/ 978278 w 3845787"/>
              <a:gd name="connsiteY157" fmla="*/ 3301298 h 7534754"/>
              <a:gd name="connsiteX158" fmla="*/ 1189597 w 3845787"/>
              <a:gd name="connsiteY158" fmla="*/ 3301298 h 7534754"/>
              <a:gd name="connsiteX159" fmla="*/ 1189597 w 3845787"/>
              <a:gd name="connsiteY159" fmla="*/ 3336930 h 7534754"/>
              <a:gd name="connsiteX160" fmla="*/ 978278 w 3845787"/>
              <a:gd name="connsiteY160" fmla="*/ 3336930 h 7534754"/>
              <a:gd name="connsiteX161" fmla="*/ 559350 w 3845787"/>
              <a:gd name="connsiteY161" fmla="*/ 3301298 h 7534754"/>
              <a:gd name="connsiteX162" fmla="*/ 584819 w 3845787"/>
              <a:gd name="connsiteY162" fmla="*/ 3301997 h 7534754"/>
              <a:gd name="connsiteX163" fmla="*/ 768606 w 3845787"/>
              <a:gd name="connsiteY163" fmla="*/ 3301997 h 7534754"/>
              <a:gd name="connsiteX164" fmla="*/ 768606 w 3845787"/>
              <a:gd name="connsiteY164" fmla="*/ 3336944 h 7534754"/>
              <a:gd name="connsiteX165" fmla="*/ 584819 w 3845787"/>
              <a:gd name="connsiteY165" fmla="*/ 3336944 h 7534754"/>
              <a:gd name="connsiteX166" fmla="*/ 557285 w 3845787"/>
              <a:gd name="connsiteY166" fmla="*/ 3336944 h 7534754"/>
              <a:gd name="connsiteX167" fmla="*/ 194142 w 3845787"/>
              <a:gd name="connsiteY167" fmla="*/ 3140775 h 7534754"/>
              <a:gd name="connsiteX168" fmla="*/ 359738 w 3845787"/>
              <a:gd name="connsiteY168" fmla="*/ 3256589 h 7534754"/>
              <a:gd name="connsiteX169" fmla="*/ 345428 w 3845787"/>
              <a:gd name="connsiteY169" fmla="*/ 3288489 h 7534754"/>
              <a:gd name="connsiteX170" fmla="*/ 169610 w 3845787"/>
              <a:gd name="connsiteY170" fmla="*/ 3165741 h 7534754"/>
              <a:gd name="connsiteX171" fmla="*/ 35049 w 3845787"/>
              <a:gd name="connsiteY171" fmla="*/ 2777331 h 7534754"/>
              <a:gd name="connsiteX172" fmla="*/ 81091 w 3845787"/>
              <a:gd name="connsiteY172" fmla="*/ 2974886 h 7534754"/>
              <a:gd name="connsiteX173" fmla="*/ 48792 w 3845787"/>
              <a:gd name="connsiteY173" fmla="*/ 2988653 h 7534754"/>
              <a:gd name="connsiteX174" fmla="*/ 2 w 3845787"/>
              <a:gd name="connsiteY174" fmla="*/ 2778708 h 7534754"/>
              <a:gd name="connsiteX175" fmla="*/ 135386 w 3845787"/>
              <a:gd name="connsiteY175" fmla="*/ 2377540 h 7534754"/>
              <a:gd name="connsiteX176" fmla="*/ 162863 w 3845787"/>
              <a:gd name="connsiteY176" fmla="*/ 2400895 h 7534754"/>
              <a:gd name="connsiteX177" fmla="*/ 63259 w 3845787"/>
              <a:gd name="connsiteY177" fmla="*/ 2576748 h 7534754"/>
              <a:gd name="connsiteX178" fmla="*/ 30287 w 3845787"/>
              <a:gd name="connsiteY178" fmla="*/ 2565757 h 7534754"/>
              <a:gd name="connsiteX179" fmla="*/ 135386 w 3845787"/>
              <a:gd name="connsiteY179" fmla="*/ 2377540 h 7534754"/>
              <a:gd name="connsiteX180" fmla="*/ 504028 w 3845787"/>
              <a:gd name="connsiteY180" fmla="*/ 2171586 h 7534754"/>
              <a:gd name="connsiteX181" fmla="*/ 508140 w 3845787"/>
              <a:gd name="connsiteY181" fmla="*/ 2206291 h 7534754"/>
              <a:gd name="connsiteX182" fmla="*/ 316974 w 3845787"/>
              <a:gd name="connsiteY182" fmla="*/ 2270841 h 7534754"/>
              <a:gd name="connsiteX183" fmla="*/ 299845 w 3845787"/>
              <a:gd name="connsiteY183" fmla="*/ 2239607 h 7534754"/>
              <a:gd name="connsiteX184" fmla="*/ 504028 w 3845787"/>
              <a:gd name="connsiteY184" fmla="*/ 2171586 h 7534754"/>
              <a:gd name="connsiteX185" fmla="*/ 1138799 w 3845787"/>
              <a:gd name="connsiteY185" fmla="*/ 2168558 h 7534754"/>
              <a:gd name="connsiteX186" fmla="*/ 1350118 w 3845787"/>
              <a:gd name="connsiteY186" fmla="*/ 2168558 h 7534754"/>
              <a:gd name="connsiteX187" fmla="*/ 1350118 w 3845787"/>
              <a:gd name="connsiteY187" fmla="*/ 2204204 h 7534754"/>
              <a:gd name="connsiteX188" fmla="*/ 1138799 w 3845787"/>
              <a:gd name="connsiteY188" fmla="*/ 2204204 h 7534754"/>
              <a:gd name="connsiteX189" fmla="*/ 717808 w 3845787"/>
              <a:gd name="connsiteY189" fmla="*/ 2168558 h 7534754"/>
              <a:gd name="connsiteX190" fmla="*/ 926105 w 3845787"/>
              <a:gd name="connsiteY190" fmla="*/ 2168558 h 7534754"/>
              <a:gd name="connsiteX191" fmla="*/ 926105 w 3845787"/>
              <a:gd name="connsiteY191" fmla="*/ 2204204 h 7534754"/>
              <a:gd name="connsiteX192" fmla="*/ 717808 w 3845787"/>
              <a:gd name="connsiteY192" fmla="*/ 2204204 h 7534754"/>
              <a:gd name="connsiteX193" fmla="*/ 1721301 w 3845787"/>
              <a:gd name="connsiteY193" fmla="*/ 2029240 h 7534754"/>
              <a:gd name="connsiteX194" fmla="*/ 1743858 w 3845787"/>
              <a:gd name="connsiteY194" fmla="*/ 2055135 h 7534754"/>
              <a:gd name="connsiteX195" fmla="*/ 1559980 w 3845787"/>
              <a:gd name="connsiteY195" fmla="*/ 2164849 h 7534754"/>
              <a:gd name="connsiteX196" fmla="*/ 1547676 w 3845787"/>
              <a:gd name="connsiteY196" fmla="*/ 2132139 h 7534754"/>
              <a:gd name="connsiteX197" fmla="*/ 1721301 w 3845787"/>
              <a:gd name="connsiteY197" fmla="*/ 2029240 h 7534754"/>
              <a:gd name="connsiteX198" fmla="*/ 1902908 w 3845787"/>
              <a:gd name="connsiteY198" fmla="*/ 1677908 h 7534754"/>
              <a:gd name="connsiteX199" fmla="*/ 1937682 w 3845787"/>
              <a:gd name="connsiteY199" fmla="*/ 1681323 h 7534754"/>
              <a:gd name="connsiteX200" fmla="*/ 1875784 w 3845787"/>
              <a:gd name="connsiteY200" fmla="*/ 1886205 h 7534754"/>
              <a:gd name="connsiteX201" fmla="*/ 1844488 w 3845787"/>
              <a:gd name="connsiteY201" fmla="*/ 1869815 h 7534754"/>
              <a:gd name="connsiteX202" fmla="*/ 1902908 w 3845787"/>
              <a:gd name="connsiteY202" fmla="*/ 1677908 h 7534754"/>
              <a:gd name="connsiteX203" fmla="*/ 1908090 w 3845787"/>
              <a:gd name="connsiteY203" fmla="*/ 1259945 h 7534754"/>
              <a:gd name="connsiteX204" fmla="*/ 1943723 w 3845787"/>
              <a:gd name="connsiteY204" fmla="*/ 1259945 h 7534754"/>
              <a:gd name="connsiteX205" fmla="*/ 1943723 w 3845787"/>
              <a:gd name="connsiteY205" fmla="*/ 1471265 h 7534754"/>
              <a:gd name="connsiteX206" fmla="*/ 1908090 w 3845787"/>
              <a:gd name="connsiteY206" fmla="*/ 1471265 h 7534754"/>
              <a:gd name="connsiteX207" fmla="*/ 1908090 w 3845787"/>
              <a:gd name="connsiteY207" fmla="*/ 838953 h 7534754"/>
              <a:gd name="connsiteX208" fmla="*/ 1943723 w 3845787"/>
              <a:gd name="connsiteY208" fmla="*/ 838953 h 7534754"/>
              <a:gd name="connsiteX209" fmla="*/ 1943723 w 3845787"/>
              <a:gd name="connsiteY209" fmla="*/ 1050273 h 7534754"/>
              <a:gd name="connsiteX210" fmla="*/ 1908090 w 3845787"/>
              <a:gd name="connsiteY210" fmla="*/ 1050273 h 7534754"/>
              <a:gd name="connsiteX211" fmla="*/ 1908090 w 3845787"/>
              <a:gd name="connsiteY211" fmla="*/ 417962 h 7534754"/>
              <a:gd name="connsiteX212" fmla="*/ 1943723 w 3845787"/>
              <a:gd name="connsiteY212" fmla="*/ 417962 h 7534754"/>
              <a:gd name="connsiteX213" fmla="*/ 1943723 w 3845787"/>
              <a:gd name="connsiteY213" fmla="*/ 629282 h 7534754"/>
              <a:gd name="connsiteX214" fmla="*/ 1908090 w 3845787"/>
              <a:gd name="connsiteY214" fmla="*/ 629282 h 7534754"/>
              <a:gd name="connsiteX215" fmla="*/ 1908090 w 3845787"/>
              <a:gd name="connsiteY215" fmla="*/ 0 h 7534754"/>
              <a:gd name="connsiteX216" fmla="*/ 1943723 w 3845787"/>
              <a:gd name="connsiteY216" fmla="*/ 0 h 7534754"/>
              <a:gd name="connsiteX217" fmla="*/ 1943723 w 3845787"/>
              <a:gd name="connsiteY217" fmla="*/ 211320 h 7534754"/>
              <a:gd name="connsiteX218" fmla="*/ 1908090 w 3845787"/>
              <a:gd name="connsiteY218" fmla="*/ 211320 h 7534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Lst>
            <a:rect l="l" t="t" r="r" b="b"/>
            <a:pathLst>
              <a:path w="3845787" h="7534754">
                <a:moveTo>
                  <a:pt x="1902033" y="7323434"/>
                </a:moveTo>
                <a:lnTo>
                  <a:pt x="1937679" y="7323434"/>
                </a:lnTo>
                <a:lnTo>
                  <a:pt x="1937679" y="7534754"/>
                </a:lnTo>
                <a:lnTo>
                  <a:pt x="1902033" y="7534754"/>
                </a:lnTo>
                <a:close/>
                <a:moveTo>
                  <a:pt x="2031274" y="6923643"/>
                </a:moveTo>
                <a:lnTo>
                  <a:pt x="2058837" y="6945474"/>
                </a:lnTo>
                <a:cubicBezTo>
                  <a:pt x="2015426" y="6998689"/>
                  <a:pt x="1983729" y="7058043"/>
                  <a:pt x="1963057" y="7122856"/>
                </a:cubicBezTo>
                <a:lnTo>
                  <a:pt x="1929292" y="7112622"/>
                </a:lnTo>
                <a:cubicBezTo>
                  <a:pt x="1951342" y="7043716"/>
                  <a:pt x="1985796" y="6980268"/>
                  <a:pt x="2031274" y="6923643"/>
                </a:cubicBezTo>
                <a:close/>
                <a:moveTo>
                  <a:pt x="2395606" y="6711633"/>
                </a:moveTo>
                <a:lnTo>
                  <a:pt x="2401087" y="6746880"/>
                </a:lnTo>
                <a:cubicBezTo>
                  <a:pt x="2333939" y="6757246"/>
                  <a:pt x="2269531" y="6780053"/>
                  <a:pt x="2210605" y="6813918"/>
                </a:cubicBezTo>
                <a:lnTo>
                  <a:pt x="2192790" y="6784200"/>
                </a:lnTo>
                <a:cubicBezTo>
                  <a:pt x="2255827" y="6746880"/>
                  <a:pt x="2323661" y="6722691"/>
                  <a:pt x="2395606" y="6711633"/>
                </a:cubicBezTo>
                <a:close/>
                <a:moveTo>
                  <a:pt x="3028715" y="6702544"/>
                </a:moveTo>
                <a:lnTo>
                  <a:pt x="3237014" y="6702544"/>
                </a:lnTo>
                <a:lnTo>
                  <a:pt x="3237014" y="6738190"/>
                </a:lnTo>
                <a:lnTo>
                  <a:pt x="3028715" y="6738190"/>
                </a:lnTo>
                <a:close/>
                <a:moveTo>
                  <a:pt x="2607726" y="6702544"/>
                </a:moveTo>
                <a:lnTo>
                  <a:pt x="2819046" y="6702544"/>
                </a:lnTo>
                <a:lnTo>
                  <a:pt x="2819046" y="6738190"/>
                </a:lnTo>
                <a:lnTo>
                  <a:pt x="2607726" y="6738190"/>
                </a:lnTo>
                <a:close/>
                <a:moveTo>
                  <a:pt x="3617162" y="6575338"/>
                </a:moveTo>
                <a:lnTo>
                  <a:pt x="3639830" y="6602267"/>
                </a:lnTo>
                <a:cubicBezTo>
                  <a:pt x="3583503" y="6649219"/>
                  <a:pt x="3520992" y="6685124"/>
                  <a:pt x="3451613" y="6707910"/>
                </a:cubicBezTo>
                <a:lnTo>
                  <a:pt x="3440622" y="6674767"/>
                </a:lnTo>
                <a:cubicBezTo>
                  <a:pt x="3505193" y="6652672"/>
                  <a:pt x="3564956" y="6619529"/>
                  <a:pt x="3617162" y="6575338"/>
                </a:cubicBezTo>
                <a:close/>
                <a:moveTo>
                  <a:pt x="3810378" y="6227039"/>
                </a:moveTo>
                <a:lnTo>
                  <a:pt x="3845776" y="6231835"/>
                </a:lnTo>
                <a:cubicBezTo>
                  <a:pt x="3835365" y="6303779"/>
                  <a:pt x="3812460" y="6372297"/>
                  <a:pt x="3777062" y="6435334"/>
                </a:cubicBezTo>
                <a:lnTo>
                  <a:pt x="3746523" y="6418889"/>
                </a:lnTo>
                <a:cubicBezTo>
                  <a:pt x="3779839" y="6359279"/>
                  <a:pt x="3801355" y="6294872"/>
                  <a:pt x="3810378" y="6227039"/>
                </a:cubicBezTo>
                <a:close/>
                <a:moveTo>
                  <a:pt x="3745764" y="5821189"/>
                </a:moveTo>
                <a:cubicBezTo>
                  <a:pt x="3786968" y="5881115"/>
                  <a:pt x="3816498" y="5947240"/>
                  <a:pt x="3833666" y="6018187"/>
                </a:cubicBezTo>
                <a:lnTo>
                  <a:pt x="3799329" y="6026453"/>
                </a:lnTo>
                <a:cubicBezTo>
                  <a:pt x="3783534" y="5960328"/>
                  <a:pt x="3755378" y="5897646"/>
                  <a:pt x="3716234" y="5841164"/>
                </a:cubicBezTo>
                <a:close/>
                <a:moveTo>
                  <a:pt x="3393655" y="5584951"/>
                </a:moveTo>
                <a:cubicBezTo>
                  <a:pt x="3465052" y="5600707"/>
                  <a:pt x="3530957" y="5629480"/>
                  <a:pt x="3591369" y="5670584"/>
                </a:cubicBezTo>
                <a:lnTo>
                  <a:pt x="3571461" y="5699357"/>
                </a:lnTo>
                <a:cubicBezTo>
                  <a:pt x="3515167" y="5660993"/>
                  <a:pt x="3452695" y="5633590"/>
                  <a:pt x="3386103" y="5618519"/>
                </a:cubicBezTo>
                <a:close/>
                <a:moveTo>
                  <a:pt x="2971172" y="5569805"/>
                </a:moveTo>
                <a:lnTo>
                  <a:pt x="3182492" y="5569805"/>
                </a:lnTo>
                <a:lnTo>
                  <a:pt x="3182492" y="5605451"/>
                </a:lnTo>
                <a:lnTo>
                  <a:pt x="2971172" y="5605451"/>
                </a:lnTo>
                <a:close/>
                <a:moveTo>
                  <a:pt x="2550180" y="5569805"/>
                </a:moveTo>
                <a:lnTo>
                  <a:pt x="2761500" y="5569805"/>
                </a:lnTo>
                <a:lnTo>
                  <a:pt x="2761500" y="5605451"/>
                </a:lnTo>
                <a:lnTo>
                  <a:pt x="2550180" y="5605451"/>
                </a:lnTo>
                <a:close/>
                <a:moveTo>
                  <a:pt x="2132217" y="5569805"/>
                </a:moveTo>
                <a:lnTo>
                  <a:pt x="2343537" y="5569805"/>
                </a:lnTo>
                <a:lnTo>
                  <a:pt x="2343537" y="5605451"/>
                </a:lnTo>
                <a:lnTo>
                  <a:pt x="2132217" y="5605451"/>
                </a:lnTo>
                <a:close/>
                <a:moveTo>
                  <a:pt x="1711227" y="5569805"/>
                </a:moveTo>
                <a:lnTo>
                  <a:pt x="1922547" y="5569805"/>
                </a:lnTo>
                <a:lnTo>
                  <a:pt x="1922547" y="5605451"/>
                </a:lnTo>
                <a:lnTo>
                  <a:pt x="1711227" y="5605451"/>
                </a:lnTo>
                <a:close/>
                <a:moveTo>
                  <a:pt x="1293264" y="5569805"/>
                </a:moveTo>
                <a:lnTo>
                  <a:pt x="1501561" y="5569805"/>
                </a:lnTo>
                <a:lnTo>
                  <a:pt x="1501561" y="5605451"/>
                </a:lnTo>
                <a:lnTo>
                  <a:pt x="1293264" y="5605451"/>
                </a:lnTo>
                <a:close/>
                <a:moveTo>
                  <a:pt x="872272" y="5569805"/>
                </a:moveTo>
                <a:lnTo>
                  <a:pt x="1083591" y="5569805"/>
                </a:lnTo>
                <a:lnTo>
                  <a:pt x="1083591" y="5605451"/>
                </a:lnTo>
                <a:lnTo>
                  <a:pt x="872272" y="5605451"/>
                </a:lnTo>
                <a:close/>
                <a:moveTo>
                  <a:pt x="456548" y="5554664"/>
                </a:moveTo>
                <a:cubicBezTo>
                  <a:pt x="498035" y="5564538"/>
                  <a:pt x="540905" y="5569475"/>
                  <a:pt x="584466" y="5569475"/>
                </a:cubicBezTo>
                <a:lnTo>
                  <a:pt x="662599" y="5569475"/>
                </a:lnTo>
                <a:lnTo>
                  <a:pt x="662599" y="5605445"/>
                </a:lnTo>
                <a:lnTo>
                  <a:pt x="584466" y="5605445"/>
                </a:lnTo>
                <a:cubicBezTo>
                  <a:pt x="538139" y="5605445"/>
                  <a:pt x="492503" y="5600508"/>
                  <a:pt x="448251" y="5589224"/>
                </a:cubicBezTo>
                <a:close/>
                <a:moveTo>
                  <a:pt x="129407" y="5327507"/>
                </a:moveTo>
                <a:cubicBezTo>
                  <a:pt x="167771" y="5383683"/>
                  <a:pt x="215725" y="5432323"/>
                  <a:pt x="271901" y="5470687"/>
                </a:cubicBezTo>
                <a:lnTo>
                  <a:pt x="252034" y="5499460"/>
                </a:lnTo>
                <a:cubicBezTo>
                  <a:pt x="192433" y="5458355"/>
                  <a:pt x="141739" y="5406975"/>
                  <a:pt x="99950" y="5347374"/>
                </a:cubicBezTo>
                <a:close/>
                <a:moveTo>
                  <a:pt x="6348" y="4936804"/>
                </a:moveTo>
                <a:lnTo>
                  <a:pt x="41614" y="4941598"/>
                </a:lnTo>
                <a:cubicBezTo>
                  <a:pt x="38088" y="4967621"/>
                  <a:pt x="35972" y="4992960"/>
                  <a:pt x="35972" y="5018984"/>
                </a:cubicBezTo>
                <a:cubicBezTo>
                  <a:pt x="35972" y="5061444"/>
                  <a:pt x="40909" y="5103219"/>
                  <a:pt x="50783" y="5142939"/>
                </a:cubicBezTo>
                <a:lnTo>
                  <a:pt x="15517" y="5151157"/>
                </a:lnTo>
                <a:cubicBezTo>
                  <a:pt x="5642" y="5108012"/>
                  <a:pt x="0" y="5064183"/>
                  <a:pt x="0" y="5018984"/>
                </a:cubicBezTo>
                <a:cubicBezTo>
                  <a:pt x="0" y="4991591"/>
                  <a:pt x="2116" y="4964197"/>
                  <a:pt x="6348" y="4936804"/>
                </a:cubicBezTo>
                <a:close/>
                <a:moveTo>
                  <a:pt x="213603" y="4567303"/>
                </a:moveTo>
                <a:lnTo>
                  <a:pt x="235555" y="4594289"/>
                </a:lnTo>
                <a:cubicBezTo>
                  <a:pt x="182734" y="4638574"/>
                  <a:pt x="139517" y="4691162"/>
                  <a:pt x="105903" y="4751362"/>
                </a:cubicBezTo>
                <a:lnTo>
                  <a:pt x="75720" y="4733371"/>
                </a:lnTo>
                <a:cubicBezTo>
                  <a:pt x="111391" y="4669712"/>
                  <a:pt x="157352" y="4613663"/>
                  <a:pt x="213603" y="4567303"/>
                </a:cubicBezTo>
                <a:close/>
                <a:moveTo>
                  <a:pt x="584408" y="4434039"/>
                </a:moveTo>
                <a:lnTo>
                  <a:pt x="614140" y="4434039"/>
                </a:lnTo>
                <a:lnTo>
                  <a:pt x="614140" y="4469684"/>
                </a:lnTo>
                <a:lnTo>
                  <a:pt x="584408" y="4469684"/>
                </a:lnTo>
                <a:cubicBezTo>
                  <a:pt x="524944" y="4469684"/>
                  <a:pt x="466171" y="4478770"/>
                  <a:pt x="410855" y="4496942"/>
                </a:cubicBezTo>
                <a:lnTo>
                  <a:pt x="399792" y="4463394"/>
                </a:lnTo>
                <a:cubicBezTo>
                  <a:pt x="459256" y="4443824"/>
                  <a:pt x="520795" y="4434039"/>
                  <a:pt x="584408" y="4434039"/>
                </a:cubicBezTo>
                <a:close/>
                <a:moveTo>
                  <a:pt x="2922713" y="4434037"/>
                </a:moveTo>
                <a:lnTo>
                  <a:pt x="3134033" y="4434037"/>
                </a:lnTo>
                <a:lnTo>
                  <a:pt x="3134033" y="4469683"/>
                </a:lnTo>
                <a:lnTo>
                  <a:pt x="2922713" y="4469683"/>
                </a:lnTo>
                <a:close/>
                <a:moveTo>
                  <a:pt x="2501720" y="4434037"/>
                </a:moveTo>
                <a:lnTo>
                  <a:pt x="2713040" y="4434037"/>
                </a:lnTo>
                <a:lnTo>
                  <a:pt x="2713040" y="4469683"/>
                </a:lnTo>
                <a:lnTo>
                  <a:pt x="2501720" y="4469683"/>
                </a:lnTo>
                <a:close/>
                <a:moveTo>
                  <a:pt x="2083758" y="4434037"/>
                </a:moveTo>
                <a:lnTo>
                  <a:pt x="2295078" y="4434037"/>
                </a:lnTo>
                <a:lnTo>
                  <a:pt x="2295078" y="4469683"/>
                </a:lnTo>
                <a:lnTo>
                  <a:pt x="2083758" y="4469683"/>
                </a:lnTo>
                <a:close/>
                <a:moveTo>
                  <a:pt x="1662767" y="4434037"/>
                </a:moveTo>
                <a:lnTo>
                  <a:pt x="1874086" y="4434037"/>
                </a:lnTo>
                <a:lnTo>
                  <a:pt x="1874086" y="4469683"/>
                </a:lnTo>
                <a:lnTo>
                  <a:pt x="1662767" y="4469683"/>
                </a:lnTo>
                <a:close/>
                <a:moveTo>
                  <a:pt x="1244805" y="4434037"/>
                </a:moveTo>
                <a:lnTo>
                  <a:pt x="1456124" y="4434037"/>
                </a:lnTo>
                <a:lnTo>
                  <a:pt x="1456124" y="4469683"/>
                </a:lnTo>
                <a:lnTo>
                  <a:pt x="1244805" y="4469683"/>
                </a:lnTo>
                <a:close/>
                <a:moveTo>
                  <a:pt x="823810" y="4434037"/>
                </a:moveTo>
                <a:lnTo>
                  <a:pt x="1032109" y="4434037"/>
                </a:lnTo>
                <a:lnTo>
                  <a:pt x="1032109" y="4469683"/>
                </a:lnTo>
                <a:lnTo>
                  <a:pt x="823810" y="4469683"/>
                </a:lnTo>
                <a:close/>
                <a:moveTo>
                  <a:pt x="3531841" y="4364376"/>
                </a:moveTo>
                <a:lnTo>
                  <a:pt x="3548970" y="4395394"/>
                </a:lnTo>
                <a:cubicBezTo>
                  <a:pt x="3485933" y="4430549"/>
                  <a:pt x="3417415" y="4453985"/>
                  <a:pt x="3345472" y="4463635"/>
                </a:cubicBezTo>
                <a:lnTo>
                  <a:pt x="3340675" y="4429170"/>
                </a:lnTo>
                <a:cubicBezTo>
                  <a:pt x="3407823" y="4419520"/>
                  <a:pt x="3472915" y="4398152"/>
                  <a:pt x="3531841" y="4364376"/>
                </a:cubicBezTo>
                <a:close/>
                <a:moveTo>
                  <a:pt x="3785376" y="4058479"/>
                </a:moveTo>
                <a:lnTo>
                  <a:pt x="3818520" y="4069470"/>
                </a:lnTo>
                <a:cubicBezTo>
                  <a:pt x="3795734" y="4138849"/>
                  <a:pt x="3760519" y="4201359"/>
                  <a:pt x="3713566" y="4257687"/>
                </a:cubicBezTo>
                <a:lnTo>
                  <a:pt x="3685947" y="4235705"/>
                </a:lnTo>
                <a:cubicBezTo>
                  <a:pt x="3730138" y="4182812"/>
                  <a:pt x="3763971" y="4123050"/>
                  <a:pt x="3785376" y="4058479"/>
                </a:cubicBezTo>
                <a:close/>
                <a:moveTo>
                  <a:pt x="3796041" y="3649601"/>
                </a:moveTo>
                <a:cubicBezTo>
                  <a:pt x="3826024" y="3715897"/>
                  <a:pt x="3842379" y="3786337"/>
                  <a:pt x="3845787" y="3859539"/>
                </a:cubicBezTo>
                <a:lnTo>
                  <a:pt x="3811033" y="3860920"/>
                </a:lnTo>
                <a:cubicBezTo>
                  <a:pt x="3807625" y="3791862"/>
                  <a:pt x="3791952" y="3726947"/>
                  <a:pt x="3764694" y="3664103"/>
                </a:cubicBezTo>
                <a:close/>
                <a:moveTo>
                  <a:pt x="3496654" y="3349757"/>
                </a:moveTo>
                <a:cubicBezTo>
                  <a:pt x="3562756" y="3377741"/>
                  <a:pt x="3622043" y="3418010"/>
                  <a:pt x="3673153" y="3469199"/>
                </a:cubicBezTo>
                <a:lnTo>
                  <a:pt x="3648620" y="3494453"/>
                </a:lnTo>
                <a:cubicBezTo>
                  <a:pt x="3600917" y="3445993"/>
                  <a:pt x="3544356" y="3408454"/>
                  <a:pt x="3483024" y="3381153"/>
                </a:cubicBezTo>
                <a:close/>
                <a:moveTo>
                  <a:pt x="3077176" y="3301298"/>
                </a:moveTo>
                <a:lnTo>
                  <a:pt x="3264406" y="3301298"/>
                </a:lnTo>
                <a:cubicBezTo>
                  <a:pt x="3272666" y="3301298"/>
                  <a:pt x="3280238" y="3301298"/>
                  <a:pt x="3288498" y="3301298"/>
                </a:cubicBezTo>
                <a:lnTo>
                  <a:pt x="3287121" y="3336944"/>
                </a:lnTo>
                <a:cubicBezTo>
                  <a:pt x="3279549" y="3336944"/>
                  <a:pt x="3271978" y="3336245"/>
                  <a:pt x="3264406" y="3336245"/>
                </a:cubicBezTo>
                <a:lnTo>
                  <a:pt x="3077176" y="3336245"/>
                </a:lnTo>
                <a:close/>
                <a:moveTo>
                  <a:pt x="2656186" y="3301298"/>
                </a:moveTo>
                <a:lnTo>
                  <a:pt x="2867506" y="3301298"/>
                </a:lnTo>
                <a:lnTo>
                  <a:pt x="2867506" y="3336930"/>
                </a:lnTo>
                <a:lnTo>
                  <a:pt x="2656186" y="3336930"/>
                </a:lnTo>
                <a:close/>
                <a:moveTo>
                  <a:pt x="2238223" y="3301298"/>
                </a:moveTo>
                <a:lnTo>
                  <a:pt x="2449543" y="3301298"/>
                </a:lnTo>
                <a:lnTo>
                  <a:pt x="2449543" y="3336930"/>
                </a:lnTo>
                <a:lnTo>
                  <a:pt x="2238223" y="3336930"/>
                </a:lnTo>
                <a:close/>
                <a:moveTo>
                  <a:pt x="1817229" y="3301298"/>
                </a:moveTo>
                <a:lnTo>
                  <a:pt x="2025528" y="3301298"/>
                </a:lnTo>
                <a:lnTo>
                  <a:pt x="2025528" y="3336930"/>
                </a:lnTo>
                <a:lnTo>
                  <a:pt x="1817229" y="3336930"/>
                </a:lnTo>
                <a:close/>
                <a:moveTo>
                  <a:pt x="1399268" y="3301298"/>
                </a:moveTo>
                <a:lnTo>
                  <a:pt x="1610587" y="3301298"/>
                </a:lnTo>
                <a:lnTo>
                  <a:pt x="1610587" y="3336930"/>
                </a:lnTo>
                <a:lnTo>
                  <a:pt x="1399268" y="3336930"/>
                </a:lnTo>
                <a:close/>
                <a:moveTo>
                  <a:pt x="978278" y="3301298"/>
                </a:moveTo>
                <a:lnTo>
                  <a:pt x="1189597" y="3301298"/>
                </a:lnTo>
                <a:lnTo>
                  <a:pt x="1189597" y="3336930"/>
                </a:lnTo>
                <a:lnTo>
                  <a:pt x="978278" y="3336930"/>
                </a:lnTo>
                <a:close/>
                <a:moveTo>
                  <a:pt x="559350" y="3301298"/>
                </a:moveTo>
                <a:cubicBezTo>
                  <a:pt x="567610" y="3301997"/>
                  <a:pt x="575870" y="3301997"/>
                  <a:pt x="584819" y="3301997"/>
                </a:cubicBezTo>
                <a:lnTo>
                  <a:pt x="768606" y="3301997"/>
                </a:lnTo>
                <a:lnTo>
                  <a:pt x="768606" y="3336944"/>
                </a:lnTo>
                <a:lnTo>
                  <a:pt x="584819" y="3336944"/>
                </a:lnTo>
                <a:cubicBezTo>
                  <a:pt x="575182" y="3336944"/>
                  <a:pt x="566233" y="3336944"/>
                  <a:pt x="557285" y="3336944"/>
                </a:cubicBezTo>
                <a:close/>
                <a:moveTo>
                  <a:pt x="194142" y="3140775"/>
                </a:moveTo>
                <a:cubicBezTo>
                  <a:pt x="241845" y="3189320"/>
                  <a:pt x="298407" y="3228156"/>
                  <a:pt x="359738" y="3256589"/>
                </a:cubicBezTo>
                <a:lnTo>
                  <a:pt x="345428" y="3288489"/>
                </a:lnTo>
                <a:cubicBezTo>
                  <a:pt x="280007" y="3258670"/>
                  <a:pt x="220720" y="3217754"/>
                  <a:pt x="169610" y="3165741"/>
                </a:cubicBezTo>
                <a:close/>
                <a:moveTo>
                  <a:pt x="35049" y="2777331"/>
                </a:moveTo>
                <a:cubicBezTo>
                  <a:pt x="37797" y="2845477"/>
                  <a:pt x="52916" y="2912247"/>
                  <a:pt x="81091" y="2974886"/>
                </a:cubicBezTo>
                <a:lnTo>
                  <a:pt x="48792" y="2988653"/>
                </a:lnTo>
                <a:cubicBezTo>
                  <a:pt x="19930" y="2921884"/>
                  <a:pt x="3438" y="2851673"/>
                  <a:pt x="2" y="2778708"/>
                </a:cubicBezTo>
                <a:close/>
                <a:moveTo>
                  <a:pt x="135386" y="2377540"/>
                </a:moveTo>
                <a:lnTo>
                  <a:pt x="162863" y="2400895"/>
                </a:lnTo>
                <a:cubicBezTo>
                  <a:pt x="118213" y="2453102"/>
                  <a:pt x="85241" y="2512177"/>
                  <a:pt x="63259" y="2576748"/>
                </a:cubicBezTo>
                <a:lnTo>
                  <a:pt x="30287" y="2565757"/>
                </a:lnTo>
                <a:cubicBezTo>
                  <a:pt x="52955" y="2496378"/>
                  <a:pt x="88675" y="2433868"/>
                  <a:pt x="135386" y="2377540"/>
                </a:cubicBezTo>
                <a:close/>
                <a:moveTo>
                  <a:pt x="504028" y="2171586"/>
                </a:moveTo>
                <a:lnTo>
                  <a:pt x="508140" y="2206291"/>
                </a:lnTo>
                <a:cubicBezTo>
                  <a:pt x="440992" y="2215314"/>
                  <a:pt x="376585" y="2237525"/>
                  <a:pt x="316974" y="2270841"/>
                </a:cubicBezTo>
                <a:lnTo>
                  <a:pt x="299845" y="2239607"/>
                </a:lnTo>
                <a:cubicBezTo>
                  <a:pt x="363567" y="2204208"/>
                  <a:pt x="432085" y="2181303"/>
                  <a:pt x="504028" y="2171586"/>
                </a:cubicBezTo>
                <a:close/>
                <a:moveTo>
                  <a:pt x="1138799" y="2168558"/>
                </a:moveTo>
                <a:lnTo>
                  <a:pt x="1350118" y="2168558"/>
                </a:lnTo>
                <a:lnTo>
                  <a:pt x="1350118" y="2204204"/>
                </a:lnTo>
                <a:lnTo>
                  <a:pt x="1138799" y="2204204"/>
                </a:lnTo>
                <a:close/>
                <a:moveTo>
                  <a:pt x="717808" y="2168558"/>
                </a:moveTo>
                <a:lnTo>
                  <a:pt x="926105" y="2168558"/>
                </a:lnTo>
                <a:lnTo>
                  <a:pt x="926105" y="2204204"/>
                </a:lnTo>
                <a:lnTo>
                  <a:pt x="717808" y="2204204"/>
                </a:lnTo>
                <a:close/>
                <a:moveTo>
                  <a:pt x="1721301" y="2029240"/>
                </a:moveTo>
                <a:lnTo>
                  <a:pt x="1743858" y="2055135"/>
                </a:lnTo>
                <a:cubicBezTo>
                  <a:pt x="1689857" y="2102836"/>
                  <a:pt x="1627653" y="2139635"/>
                  <a:pt x="1559980" y="2164849"/>
                </a:cubicBezTo>
                <a:lnTo>
                  <a:pt x="1547676" y="2132139"/>
                </a:lnTo>
                <a:cubicBezTo>
                  <a:pt x="1611931" y="2108969"/>
                  <a:pt x="1670033" y="2074215"/>
                  <a:pt x="1721301" y="2029240"/>
                </a:cubicBezTo>
                <a:close/>
                <a:moveTo>
                  <a:pt x="1902908" y="1677908"/>
                </a:moveTo>
                <a:lnTo>
                  <a:pt x="1937682" y="1681323"/>
                </a:lnTo>
                <a:cubicBezTo>
                  <a:pt x="1930032" y="1753032"/>
                  <a:pt x="1909863" y="1822009"/>
                  <a:pt x="1875784" y="1886205"/>
                </a:cubicBezTo>
                <a:lnTo>
                  <a:pt x="1844488" y="1869815"/>
                </a:lnTo>
                <a:cubicBezTo>
                  <a:pt x="1876480" y="1809716"/>
                  <a:pt x="1895953" y="1745520"/>
                  <a:pt x="1902908" y="1677908"/>
                </a:cubicBezTo>
                <a:close/>
                <a:moveTo>
                  <a:pt x="1908090" y="1259945"/>
                </a:moveTo>
                <a:lnTo>
                  <a:pt x="1943723" y="1259945"/>
                </a:lnTo>
                <a:lnTo>
                  <a:pt x="1943723" y="1471265"/>
                </a:lnTo>
                <a:lnTo>
                  <a:pt x="1908090" y="1471265"/>
                </a:lnTo>
                <a:close/>
                <a:moveTo>
                  <a:pt x="1908090" y="838953"/>
                </a:moveTo>
                <a:lnTo>
                  <a:pt x="1943723" y="838953"/>
                </a:lnTo>
                <a:lnTo>
                  <a:pt x="1943723" y="1050273"/>
                </a:lnTo>
                <a:lnTo>
                  <a:pt x="1908090" y="1050273"/>
                </a:lnTo>
                <a:close/>
                <a:moveTo>
                  <a:pt x="1908090" y="417962"/>
                </a:moveTo>
                <a:lnTo>
                  <a:pt x="1943723" y="417962"/>
                </a:lnTo>
                <a:lnTo>
                  <a:pt x="1943723" y="629282"/>
                </a:lnTo>
                <a:lnTo>
                  <a:pt x="1908090" y="629282"/>
                </a:lnTo>
                <a:close/>
                <a:moveTo>
                  <a:pt x="1908090" y="0"/>
                </a:moveTo>
                <a:lnTo>
                  <a:pt x="1943723" y="0"/>
                </a:lnTo>
                <a:lnTo>
                  <a:pt x="1943723" y="211320"/>
                </a:lnTo>
                <a:lnTo>
                  <a:pt x="1908090" y="211320"/>
                </a:lnTo>
                <a:close/>
              </a:path>
            </a:pathLst>
          </a:custGeom>
          <a:solidFill>
            <a:schemeClr val="bg1">
              <a:alpha val="56000"/>
            </a:schemeClr>
          </a:solidFill>
          <a:ln>
            <a:noFill/>
          </a:ln>
          <a:effectLst/>
        </p:spPr>
        <p:txBody>
          <a:bodyPr wrap="square" anchor="ctr">
            <a:noAutofit/>
          </a:bodyP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5" name="Freeform 4">
            <a:extLst>
              <a:ext uri="{FF2B5EF4-FFF2-40B4-BE49-F238E27FC236}">
                <a16:creationId xmlns:a16="http://schemas.microsoft.com/office/drawing/2014/main" id="{E03F4686-D8B4-4483-190E-B75392582655}"/>
              </a:ext>
            </a:extLst>
          </p:cNvPr>
          <p:cNvSpPr>
            <a:spLocks noChangeArrowheads="1"/>
          </p:cNvSpPr>
          <p:nvPr/>
        </p:nvSpPr>
        <p:spPr bwMode="auto">
          <a:xfrm>
            <a:off x="8294840" y="464895"/>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6" name="Freeform 4">
            <a:extLst>
              <a:ext uri="{FF2B5EF4-FFF2-40B4-BE49-F238E27FC236}">
                <a16:creationId xmlns:a16="http://schemas.microsoft.com/office/drawing/2014/main" id="{EDB39BB9-BC72-EA6F-FEEE-B932968D7983}"/>
              </a:ext>
            </a:extLst>
          </p:cNvPr>
          <p:cNvSpPr>
            <a:spLocks noChangeArrowheads="1"/>
          </p:cNvSpPr>
          <p:nvPr/>
        </p:nvSpPr>
        <p:spPr bwMode="auto">
          <a:xfrm>
            <a:off x="9374116" y="5105446"/>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7" name="Freeform 4">
            <a:extLst>
              <a:ext uri="{FF2B5EF4-FFF2-40B4-BE49-F238E27FC236}">
                <a16:creationId xmlns:a16="http://schemas.microsoft.com/office/drawing/2014/main" id="{531D0AAF-F3FF-4408-0BA7-172E9AA81DBB}"/>
              </a:ext>
            </a:extLst>
          </p:cNvPr>
          <p:cNvSpPr>
            <a:spLocks noChangeArrowheads="1"/>
          </p:cNvSpPr>
          <p:nvPr/>
        </p:nvSpPr>
        <p:spPr bwMode="auto">
          <a:xfrm>
            <a:off x="7151422" y="4064618"/>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sp>
        <p:nvSpPr>
          <p:cNvPr id="109" name="Freeform 4">
            <a:extLst>
              <a:ext uri="{FF2B5EF4-FFF2-40B4-BE49-F238E27FC236}">
                <a16:creationId xmlns:a16="http://schemas.microsoft.com/office/drawing/2014/main" id="{10BAE482-5D14-6589-7BE0-C36D26AF9522}"/>
              </a:ext>
            </a:extLst>
          </p:cNvPr>
          <p:cNvSpPr>
            <a:spLocks noChangeArrowheads="1"/>
          </p:cNvSpPr>
          <p:nvPr/>
        </p:nvSpPr>
        <p:spPr bwMode="auto">
          <a:xfrm>
            <a:off x="9376672" y="3038571"/>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102B48"/>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0" name="Billede 109" descr="Et billede, der indeholder sort, mørke&#10;&#10;AI-genereret indhold kan være ukorrekt.">
            <a:extLst>
              <a:ext uri="{FF2B5EF4-FFF2-40B4-BE49-F238E27FC236}">
                <a16:creationId xmlns:a16="http://schemas.microsoft.com/office/drawing/2014/main" id="{20066975-CBF7-0356-91EE-6E6B855F463F}"/>
              </a:ext>
            </a:extLst>
          </p:cNvPr>
          <p:cNvPicPr>
            <a:picLocks noChangeAspect="1"/>
          </p:cNvPicPr>
          <p:nvPr/>
        </p:nvPicPr>
        <p:blipFill>
          <a:blip r:embed="rId4" cstate="print">
            <a:lum bright="70000" contrast="-70000"/>
            <a:extLst>
              <a:ext uri="{28A0092B-C50C-407E-A947-70E740481C1C}">
                <a14:useLocalDpi xmlns:a14="http://schemas.microsoft.com/office/drawing/2010/main" val="0"/>
              </a:ext>
            </a:extLst>
          </a:blip>
          <a:stretch>
            <a:fillRect/>
          </a:stretch>
        </p:blipFill>
        <p:spPr>
          <a:xfrm>
            <a:off x="8490156" y="590797"/>
            <a:ext cx="577507" cy="577507"/>
          </a:xfrm>
          <a:prstGeom prst="rect">
            <a:avLst/>
          </a:prstGeom>
          <a:ln w="34925">
            <a:noFill/>
          </a:ln>
        </p:spPr>
      </p:pic>
      <p:grpSp>
        <p:nvGrpSpPr>
          <p:cNvPr id="112" name="Gruppe 111">
            <a:extLst>
              <a:ext uri="{FF2B5EF4-FFF2-40B4-BE49-F238E27FC236}">
                <a16:creationId xmlns:a16="http://schemas.microsoft.com/office/drawing/2014/main" id="{949C11DF-3B68-7DFF-94DB-523A4134809C}"/>
              </a:ext>
            </a:extLst>
          </p:cNvPr>
          <p:cNvGrpSpPr/>
          <p:nvPr/>
        </p:nvGrpSpPr>
        <p:grpSpPr>
          <a:xfrm>
            <a:off x="9512202" y="3140854"/>
            <a:ext cx="732373" cy="775330"/>
            <a:chOff x="5893979" y="1530527"/>
            <a:chExt cx="799863" cy="846779"/>
          </a:xfrm>
        </p:grpSpPr>
        <p:pic>
          <p:nvPicPr>
            <p:cNvPr id="113" name="Billede 112" descr="Et billede, der indeholder sort, mørke&#10;&#10;AI-genereret indhold kan være ukorrekt.">
              <a:extLst>
                <a:ext uri="{FF2B5EF4-FFF2-40B4-BE49-F238E27FC236}">
                  <a16:creationId xmlns:a16="http://schemas.microsoft.com/office/drawing/2014/main" id="{D528A0D6-5353-1374-BD72-4AD5118127C4}"/>
                </a:ext>
              </a:extLst>
            </p:cNvPr>
            <p:cNvPicPr>
              <a:picLocks noChangeAspect="1"/>
            </p:cNvPicPr>
            <p:nvPr/>
          </p:nvPicPr>
          <p:blipFill>
            <a:blip r:embed="rId5" cstate="print">
              <a:lum bright="70000" contrast="-70000"/>
              <a:extLst>
                <a:ext uri="{28A0092B-C50C-407E-A947-70E740481C1C}">
                  <a14:useLocalDpi xmlns:a14="http://schemas.microsoft.com/office/drawing/2010/main" val="0"/>
                </a:ext>
              </a:extLst>
            </a:blip>
            <a:stretch>
              <a:fillRect/>
            </a:stretch>
          </p:blipFill>
          <p:spPr>
            <a:xfrm>
              <a:off x="5909303" y="1530527"/>
              <a:ext cx="769215" cy="764666"/>
            </a:xfrm>
            <a:prstGeom prst="rect">
              <a:avLst/>
            </a:prstGeom>
          </p:spPr>
        </p:pic>
        <p:sp>
          <p:nvSpPr>
            <p:cNvPr id="114" name="Blokbue 113">
              <a:extLst>
                <a:ext uri="{FF2B5EF4-FFF2-40B4-BE49-F238E27FC236}">
                  <a16:creationId xmlns:a16="http://schemas.microsoft.com/office/drawing/2014/main" id="{EA4C32AE-C9DD-E67E-DD5B-57B96FDE2BCA}"/>
                </a:ext>
              </a:extLst>
            </p:cNvPr>
            <p:cNvSpPr/>
            <p:nvPr/>
          </p:nvSpPr>
          <p:spPr bwMode="auto">
            <a:xfrm rot="10583219">
              <a:off x="5893979" y="1621172"/>
              <a:ext cx="799863" cy="655864"/>
            </a:xfrm>
            <a:prstGeom prst="blockArc">
              <a:avLst>
                <a:gd name="adj1" fmla="val 10187759"/>
                <a:gd name="adj2" fmla="val 1328130"/>
                <a:gd name="adj3" fmla="val 33143"/>
              </a:avLst>
            </a:prstGeom>
            <a:solidFill>
              <a:srgbClr val="102B48"/>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nvGrpSpPr>
            <p:cNvPr id="115" name="Gruppe 114">
              <a:extLst>
                <a:ext uri="{FF2B5EF4-FFF2-40B4-BE49-F238E27FC236}">
                  <a16:creationId xmlns:a16="http://schemas.microsoft.com/office/drawing/2014/main" id="{48569E24-9A00-B1BA-CD31-A073BF4CF196}"/>
                </a:ext>
              </a:extLst>
            </p:cNvPr>
            <p:cNvGrpSpPr/>
            <p:nvPr/>
          </p:nvGrpSpPr>
          <p:grpSpPr>
            <a:xfrm>
              <a:off x="5958117" y="1993098"/>
              <a:ext cx="671585" cy="384208"/>
              <a:chOff x="7749287" y="1714250"/>
              <a:chExt cx="671585" cy="384208"/>
            </a:xfrm>
          </p:grpSpPr>
          <p:pic>
            <p:nvPicPr>
              <p:cNvPr id="116" name="Billede 115" descr="Et billede, der indeholder sort, mørke&#10;&#10;AI-genereret indhold kan være ukorrekt.">
                <a:extLst>
                  <a:ext uri="{FF2B5EF4-FFF2-40B4-BE49-F238E27FC236}">
                    <a16:creationId xmlns:a16="http://schemas.microsoft.com/office/drawing/2014/main" id="{799FE94D-1A47-C93C-34A5-38ACC98274F3}"/>
                  </a:ext>
                </a:extLst>
              </p:cNvPr>
              <p:cNvPicPr>
                <a:picLocks noChangeAspect="1"/>
              </p:cNvPicPr>
              <p:nvPr/>
            </p:nvPicPr>
            <p:blipFill>
              <a:blip r:embed="rId6" cstate="print">
                <a:lum bright="70000" contrast="-70000"/>
                <a:extLst>
                  <a:ext uri="{BEBA8EAE-BF5A-486C-A8C5-ECC9F3942E4B}">
                    <a14:imgProps xmlns:a14="http://schemas.microsoft.com/office/drawing/2010/main">
                      <a14:imgLayer r:embed="rId7">
                        <a14:imgEffect>
                          <a14:backgroundRemoval t="9961" b="95508" l="1172" r="98633">
                            <a14:foregroundMark x1="64195" y1="46909" x2="76953" y2="46875"/>
                            <a14:foregroundMark x1="3906" y1="47070" x2="37381" y2="46981"/>
                            <a14:foregroundMark x1="42447" y1="50029" x2="4297" y2="53516"/>
                            <a14:foregroundMark x1="76953" y1="46875" x2="63267" y2="48126"/>
                            <a14:foregroundMark x1="4297" y1="53516" x2="89453" y2="97852"/>
                            <a14:foregroundMark x1="89453" y1="97852" x2="3711" y2="96094"/>
                            <a14:foregroundMark x1="3711" y1="96094" x2="80273" y2="90234"/>
                            <a14:foregroundMark x1="80273" y1="90234" x2="49414" y2="72852"/>
                            <a14:foregroundMark x1="83789" y1="63281" x2="99023" y2="65820"/>
                            <a14:foregroundMark x1="17383" y1="73242" x2="90820" y2="95703"/>
                            <a14:foregroundMark x1="90820" y1="95703" x2="95898" y2="95313"/>
                            <a14:foregroundMark x1="11523" y1="76758" x2="1172" y2="84570"/>
                            <a14:foregroundMark x1="13867" y1="47461" x2="24219" y2="46680"/>
                            <a14:foregroundMark x1="50781" y1="56641" x2="64258" y2="55664"/>
                            <a14:foregroundMark x1="67773" y1="54883" x2="24219" y2="57617"/>
                            <a14:foregroundMark x1="38477" y1="40234" x2="1172" y2="39648"/>
                            <a14:foregroundMark x1="22852" y1="51367" x2="19141" y2="45898"/>
                            <a14:foregroundMark x1="30664" y1="34961" x2="30859" y2="38281"/>
                            <a14:foregroundMark x1="42188" y1="50195" x2="50391" y2="55273"/>
                            <a14:foregroundMark x1="62109" y1="56641" x2="63867" y2="58008"/>
                            <a14:foregroundMark x1="75000" y1="57031" x2="78516" y2="55859"/>
                            <a14:foregroundMark x1="89844" y1="47070" x2="88672" y2="47461"/>
                            <a14:foregroundMark x1="82617" y1="48828" x2="82617" y2="48828"/>
                            <a14:foregroundMark x1="82031" y1="49219" x2="82031" y2="49219"/>
                            <a14:foregroundMark x1="76953" y1="47461" x2="76953" y2="47461"/>
                            <a14:foregroundMark x1="72852" y1="47852" x2="72852" y2="47852"/>
                            <a14:foregroundMark x1="75586" y1="45898" x2="75586" y2="45898"/>
                            <a14:foregroundMark x1="73438" y1="45313" x2="84180" y2="45703"/>
                            <a14:foregroundMark x1="82422" y1="42773" x2="37305" y2="58008"/>
                            <a14:foregroundMark x1="85547" y1="45898" x2="85547" y2="45898"/>
                            <a14:backgroundMark x1="0" y1="26563" x2="73242" y2="37891"/>
                            <a14:backgroundMark x1="73242" y1="37891" x2="2930" y2="25586"/>
                            <a14:backgroundMark x1="2930" y1="25586" x2="94727" y2="25391"/>
                            <a14:backgroundMark x1="94727" y1="25391" x2="22852" y2="6445"/>
                            <a14:backgroundMark x1="22852" y1="6445" x2="96680" y2="6836"/>
                            <a14:backgroundMark x1="96680" y1="6836" x2="20508" y2="11719"/>
                            <a14:backgroundMark x1="20508" y1="11719" x2="91211" y2="31055"/>
                            <a14:backgroundMark x1="91211" y1="31055" x2="70313" y2="38867"/>
                            <a14:backgroundMark x1="36901" y1="37736" x2="44141" y2="37109"/>
                            <a14:backgroundMark x1="27411" y1="36229" x2="13477" y2="33984"/>
                            <a14:backgroundMark x1="34626" y1="37391" x2="34130" y2="37311"/>
                            <a14:backgroundMark x1="48633" y1="39648" x2="36917" y2="37760"/>
                            <a14:backgroundMark x1="39844" y1="47852" x2="39844" y2="47852"/>
                            <a14:backgroundMark x1="39063" y1="44531" x2="57813" y2="46680"/>
                            <a14:backgroundMark x1="53906" y1="45313" x2="60203" y2="46983"/>
                            <a14:backgroundMark x1="54657" y1="48856" x2="55469" y2="47070"/>
                            <a14:backgroundMark x1="51973" y1="49762" x2="44141" y2="41797"/>
                            <a14:backgroundMark x1="44336" y1="41016" x2="41211" y2="47461"/>
                            <a14:backgroundMark x1="45117" y1="35742" x2="45705" y2="48563"/>
                            <a14:backgroundMark x1="50391" y1="43555" x2="48242" y2="48047"/>
                            <a14:backgroundMark x1="48633" y1="47852" x2="51953" y2="49609"/>
                            <a14:backgroundMark x1="51953" y1="49609" x2="51583" y2="49894"/>
                          </a14:backgroundRemoval>
                        </a14:imgEffect>
                      </a14:imgLayer>
                    </a14:imgProps>
                  </a:ext>
                  <a:ext uri="{28A0092B-C50C-407E-A947-70E740481C1C}">
                    <a14:useLocalDpi xmlns:a14="http://schemas.microsoft.com/office/drawing/2010/main" val="0"/>
                  </a:ext>
                </a:extLst>
              </a:blip>
              <a:srcRect t="42792" b="-1"/>
              <a:stretch>
                <a:fillRect/>
              </a:stretch>
            </p:blipFill>
            <p:spPr>
              <a:xfrm>
                <a:off x="7749287" y="1714251"/>
                <a:ext cx="671585" cy="384207"/>
              </a:xfrm>
              <a:prstGeom prst="rect">
                <a:avLst/>
              </a:prstGeom>
              <a:solidFill>
                <a:srgbClr val="102B48"/>
              </a:solidFill>
            </p:spPr>
          </p:pic>
          <p:sp>
            <p:nvSpPr>
              <p:cNvPr id="117" name="Rektangel 116">
                <a:extLst>
                  <a:ext uri="{FF2B5EF4-FFF2-40B4-BE49-F238E27FC236}">
                    <a16:creationId xmlns:a16="http://schemas.microsoft.com/office/drawing/2014/main" id="{DADF7D66-7432-B4F7-9406-1A578A93E7E1}"/>
                  </a:ext>
                </a:extLst>
              </p:cNvPr>
              <p:cNvSpPr/>
              <p:nvPr/>
            </p:nvSpPr>
            <p:spPr bwMode="auto">
              <a:xfrm>
                <a:off x="7983538" y="1714250"/>
                <a:ext cx="193675" cy="51049"/>
              </a:xfrm>
              <a:prstGeom prst="rect">
                <a:avLst/>
              </a:prstGeom>
              <a:solidFill>
                <a:srgbClr val="0A1449"/>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endParaRPr kumimoji="0" lang="da-DK" sz="1600" b="0" i="0" u="none" strike="noStrike" kern="1200" cap="none" spc="0" normalizeH="0" baseline="0" noProof="0" err="1">
                  <a:ln>
                    <a:noFill/>
                  </a:ln>
                  <a:solidFill>
                    <a:srgbClr val="FFFFFF"/>
                  </a:solidFill>
                  <a:effectLst/>
                  <a:uLnTx/>
                  <a:uFillTx/>
                  <a:latin typeface="AU Passata" pitchFamily="34" charset="0"/>
                  <a:ea typeface="+mn-ea"/>
                  <a:cs typeface="+mn-cs"/>
                </a:endParaRPr>
              </a:p>
            </p:txBody>
          </p:sp>
        </p:grpSp>
      </p:grpSp>
      <p:pic>
        <p:nvPicPr>
          <p:cNvPr id="118" name="Billede 117" descr="Et billede, der indeholder sort, mørke&#10;&#10;AI-genereret indhold kan være ukorrekt.">
            <a:extLst>
              <a:ext uri="{FF2B5EF4-FFF2-40B4-BE49-F238E27FC236}">
                <a16:creationId xmlns:a16="http://schemas.microsoft.com/office/drawing/2014/main" id="{56BE1143-FF49-0524-7849-176383B3F52B}"/>
              </a:ext>
            </a:extLst>
          </p:cNvPr>
          <p:cNvPicPr>
            <a:picLocks noChangeAspect="1"/>
          </p:cNvPicPr>
          <p:nvPr/>
        </p:nvPicPr>
        <p:blipFill>
          <a:blip r:embed="rId8" cstate="print">
            <a:lum bright="70000" contrast="-70000"/>
            <a:extLst>
              <a:ext uri="{28A0092B-C50C-407E-A947-70E740481C1C}">
                <a14:useLocalDpi xmlns:a14="http://schemas.microsoft.com/office/drawing/2010/main" val="0"/>
              </a:ext>
            </a:extLst>
          </a:blip>
          <a:stretch>
            <a:fillRect/>
          </a:stretch>
        </p:blipFill>
        <p:spPr>
          <a:xfrm>
            <a:off x="9518921" y="5277982"/>
            <a:ext cx="710317" cy="710317"/>
          </a:xfrm>
          <a:prstGeom prst="rect">
            <a:avLst/>
          </a:prstGeom>
        </p:spPr>
      </p:pic>
      <p:pic>
        <p:nvPicPr>
          <p:cNvPr id="119" name="Billede 118" descr="Et billede, der indeholder sort, mørke&#10;&#10;AI-genereret indhold kan være ukorrekt.">
            <a:extLst>
              <a:ext uri="{FF2B5EF4-FFF2-40B4-BE49-F238E27FC236}">
                <a16:creationId xmlns:a16="http://schemas.microsoft.com/office/drawing/2014/main" id="{081DFC15-763D-6A46-48BD-A961BB8D5FA3}"/>
              </a:ext>
            </a:extLst>
          </p:cNvPr>
          <p:cNvPicPr>
            <a:picLocks noChangeAspect="1"/>
          </p:cNvPicPr>
          <p:nvPr/>
        </p:nvPicPr>
        <p:blipFill>
          <a:blip r:embed="rId9" cstate="print">
            <a:lum bright="70000" contrast="-70000"/>
            <a:extLst>
              <a:ext uri="{28A0092B-C50C-407E-A947-70E740481C1C}">
                <a14:useLocalDpi xmlns:a14="http://schemas.microsoft.com/office/drawing/2010/main" val="0"/>
              </a:ext>
            </a:extLst>
          </a:blip>
          <a:stretch>
            <a:fillRect/>
          </a:stretch>
        </p:blipFill>
        <p:spPr>
          <a:xfrm>
            <a:off x="7268698" y="4187339"/>
            <a:ext cx="715184" cy="715184"/>
          </a:xfrm>
          <a:prstGeom prst="rect">
            <a:avLst/>
          </a:prstGeom>
        </p:spPr>
      </p:pic>
      <p:sp>
        <p:nvSpPr>
          <p:cNvPr id="3" name="Tekstfelt 2">
            <a:extLst>
              <a:ext uri="{FF2B5EF4-FFF2-40B4-BE49-F238E27FC236}">
                <a16:creationId xmlns:a16="http://schemas.microsoft.com/office/drawing/2014/main" id="{D9BAC57C-AD1A-9B09-61EE-8C92D143003B}"/>
              </a:ext>
            </a:extLst>
          </p:cNvPr>
          <p:cNvSpPr txBox="1"/>
          <p:nvPr/>
        </p:nvSpPr>
        <p:spPr>
          <a:xfrm>
            <a:off x="5637050" y="2330813"/>
            <a:ext cx="1514372" cy="409343"/>
          </a:xfrm>
          <a:prstGeom prst="rect">
            <a:avLst/>
          </a:prstGeom>
          <a:solidFill>
            <a:srgbClr val="102B48"/>
          </a:solidFill>
        </p:spPr>
        <p:txBody>
          <a:bodyPr wrap="square" lIns="0" tIns="0" rIns="0" bIns="0" rtlCol="0">
            <a:spAutoFit/>
          </a:bodyPr>
          <a:lstStyle/>
          <a:p>
            <a:pPr marL="0" marR="0" lvl="0" indent="0" algn="ctr"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1400" b="1" i="0" u="none" strike="noStrike" kern="1200" cap="none" spc="0" normalizeH="0" baseline="0" noProof="0" dirty="0">
                <a:ln>
                  <a:noFill/>
                </a:ln>
                <a:solidFill>
                  <a:srgbClr val="FFFFFF"/>
                </a:solidFill>
                <a:effectLst/>
                <a:uLnTx/>
                <a:uFillTx/>
                <a:latin typeface="AU Passata"/>
                <a:ea typeface="+mn-ea"/>
                <a:cs typeface="+mn-cs"/>
              </a:rPr>
              <a:t>Formulér en strategisk intention</a:t>
            </a:r>
          </a:p>
        </p:txBody>
      </p:sp>
      <p:sp>
        <p:nvSpPr>
          <p:cNvPr id="5" name="Tekstfelt 4">
            <a:extLst>
              <a:ext uri="{FF2B5EF4-FFF2-40B4-BE49-F238E27FC236}">
                <a16:creationId xmlns:a16="http://schemas.microsoft.com/office/drawing/2014/main" id="{B451ED34-2083-B6C1-F2F5-F4C707E40816}"/>
              </a:ext>
            </a:extLst>
          </p:cNvPr>
          <p:cNvSpPr txBox="1"/>
          <p:nvPr/>
        </p:nvSpPr>
        <p:spPr>
          <a:xfrm>
            <a:off x="6341503" y="1921470"/>
            <a:ext cx="341529" cy="409343"/>
          </a:xfrm>
          <a:prstGeom prst="rect">
            <a:avLst/>
          </a:prstGeom>
          <a:noFill/>
          <a:ln>
            <a:noFill/>
          </a:ln>
        </p:spPr>
        <p:txBody>
          <a:bodyPr wrap="square" lIns="0" tIns="0" rIns="0" bIns="0" rtlCol="0">
            <a:spAutoFit/>
          </a:bodyPr>
          <a:lstStyle/>
          <a:p>
            <a:pPr marL="0" marR="0" lvl="0" indent="0" algn="l" defTabSz="914400" rtl="0" eaLnBrk="1" fontAlgn="base" latinLnBrk="0" hangingPunct="1">
              <a:lnSpc>
                <a:spcPct val="95000"/>
              </a:lnSpc>
              <a:spcBef>
                <a:spcPct val="0"/>
              </a:spcBef>
              <a:spcAft>
                <a:spcPct val="0"/>
              </a:spcAft>
              <a:buClrTx/>
              <a:buSzTx/>
              <a:buFont typeface="AU Passata" pitchFamily="34" charset="0"/>
              <a:buNone/>
              <a:tabLst/>
              <a:defRPr/>
            </a:pPr>
            <a:r>
              <a:rPr kumimoji="0" lang="da-DK" sz="2800" b="1" i="0" u="none" strike="noStrike" kern="1200" cap="none" spc="0" normalizeH="0" baseline="0" noProof="0" dirty="0">
                <a:ln>
                  <a:noFill/>
                </a:ln>
                <a:solidFill>
                  <a:srgbClr val="C00000"/>
                </a:solidFill>
                <a:effectLst/>
                <a:uLnTx/>
                <a:uFillTx/>
                <a:latin typeface="AU Passata"/>
                <a:ea typeface="+mn-ea"/>
                <a:cs typeface="+mn-cs"/>
              </a:rPr>
              <a:t>2</a:t>
            </a:r>
          </a:p>
        </p:txBody>
      </p:sp>
      <p:sp>
        <p:nvSpPr>
          <p:cNvPr id="108" name="Freeform 4">
            <a:extLst>
              <a:ext uri="{FF2B5EF4-FFF2-40B4-BE49-F238E27FC236}">
                <a16:creationId xmlns:a16="http://schemas.microsoft.com/office/drawing/2014/main" id="{4BAE68FA-E653-D3C7-66AE-B69A66DF2A97}"/>
              </a:ext>
            </a:extLst>
          </p:cNvPr>
          <p:cNvSpPr>
            <a:spLocks noChangeArrowheads="1"/>
          </p:cNvSpPr>
          <p:nvPr/>
        </p:nvSpPr>
        <p:spPr bwMode="auto">
          <a:xfrm>
            <a:off x="7156447" y="2078183"/>
            <a:ext cx="979896" cy="979896"/>
          </a:xfrm>
          <a:custGeom>
            <a:avLst/>
            <a:gdLst>
              <a:gd name="T0" fmla="*/ 1305 w 1306"/>
              <a:gd name="T1" fmla="*/ 653 h 1306"/>
              <a:gd name="T2" fmla="*/ 1305 w 1306"/>
              <a:gd name="T3" fmla="*/ 653 h 1306"/>
              <a:gd name="T4" fmla="*/ 653 w 1306"/>
              <a:gd name="T5" fmla="*/ 1305 h 1306"/>
              <a:gd name="T6" fmla="*/ 653 w 1306"/>
              <a:gd name="T7" fmla="*/ 1305 h 1306"/>
              <a:gd name="T8" fmla="*/ 0 w 1306"/>
              <a:gd name="T9" fmla="*/ 653 h 1306"/>
              <a:gd name="T10" fmla="*/ 0 w 1306"/>
              <a:gd name="T11" fmla="*/ 653 h 1306"/>
              <a:gd name="T12" fmla="*/ 653 w 1306"/>
              <a:gd name="T13" fmla="*/ 0 h 1306"/>
              <a:gd name="T14" fmla="*/ 653 w 1306"/>
              <a:gd name="T15" fmla="*/ 0 h 1306"/>
              <a:gd name="T16" fmla="*/ 1305 w 1306"/>
              <a:gd name="T17" fmla="*/ 653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306" h="1306">
                <a:moveTo>
                  <a:pt x="1305" y="653"/>
                </a:moveTo>
                <a:lnTo>
                  <a:pt x="1305" y="653"/>
                </a:lnTo>
                <a:cubicBezTo>
                  <a:pt x="1305" y="1013"/>
                  <a:pt x="1013" y="1305"/>
                  <a:pt x="653" y="1305"/>
                </a:cubicBezTo>
                <a:lnTo>
                  <a:pt x="653" y="1305"/>
                </a:lnTo>
                <a:cubicBezTo>
                  <a:pt x="293" y="1305"/>
                  <a:pt x="0" y="1013"/>
                  <a:pt x="0" y="653"/>
                </a:cubicBezTo>
                <a:lnTo>
                  <a:pt x="0" y="653"/>
                </a:lnTo>
                <a:cubicBezTo>
                  <a:pt x="0" y="292"/>
                  <a:pt x="293" y="0"/>
                  <a:pt x="653" y="0"/>
                </a:cubicBezTo>
                <a:lnTo>
                  <a:pt x="653" y="0"/>
                </a:lnTo>
                <a:cubicBezTo>
                  <a:pt x="1013" y="0"/>
                  <a:pt x="1305" y="292"/>
                  <a:pt x="1305" y="653"/>
                </a:cubicBezTo>
              </a:path>
            </a:pathLst>
          </a:custGeom>
          <a:solidFill>
            <a:srgbClr val="E4E5EA"/>
          </a:solidFill>
          <a:ln>
            <a:noFill/>
          </a:ln>
          <a:effectLst/>
        </p:spPr>
        <p:txBody>
          <a:bodyPr wrap="none" anchor="ctr"/>
          <a:lstStyle/>
          <a:p>
            <a:pPr marL="0" marR="0" lvl="0" indent="0" algn="l" defTabSz="914400" rtl="0" eaLnBrk="1" fontAlgn="base" latinLnBrk="0" hangingPunct="1">
              <a:lnSpc>
                <a:spcPts val="4799"/>
              </a:lnSpc>
              <a:spcBef>
                <a:spcPct val="0"/>
              </a:spcBef>
              <a:spcAft>
                <a:spcPct val="0"/>
              </a:spcAft>
              <a:buClrTx/>
              <a:buSzTx/>
              <a:buFont typeface="AU Passata" pitchFamily="34" charset="0"/>
              <a:buNone/>
              <a:tabLst/>
              <a:defRPr/>
            </a:pPr>
            <a:endParaRPr kumimoji="0" lang="en-US" sz="6530" b="0" i="0" u="none" strike="noStrike" kern="1200" cap="none" spc="0" normalizeH="0" baseline="0" noProof="0">
              <a:ln>
                <a:noFill/>
              </a:ln>
              <a:solidFill>
                <a:srgbClr val="000000"/>
              </a:solidFill>
              <a:effectLst/>
              <a:uLnTx/>
              <a:uFillTx/>
              <a:latin typeface="DM Sans" pitchFamily="2" charset="77"/>
              <a:ea typeface="+mn-ea"/>
              <a:cs typeface="+mn-cs"/>
            </a:endParaRPr>
          </a:p>
        </p:txBody>
      </p:sp>
      <p:pic>
        <p:nvPicPr>
          <p:cNvPr id="111" name="Billede 110" descr="Et billede, der indeholder sort, mørke&#10;&#10;AI-genereret indhold kan være ukorrekt.">
            <a:extLst>
              <a:ext uri="{FF2B5EF4-FFF2-40B4-BE49-F238E27FC236}">
                <a16:creationId xmlns:a16="http://schemas.microsoft.com/office/drawing/2014/main" id="{EF6512F8-239E-4CCA-EC5F-1FD3CD5BF92C}"/>
              </a:ext>
            </a:extLst>
          </p:cNvPr>
          <p:cNvPicPr>
            <a:picLocks noChangeAspect="1"/>
          </p:cNvPicPr>
          <p:nvPr/>
        </p:nvPicPr>
        <p:blipFill>
          <a:blip r:embed="rId10" cstate="print">
            <a:duotone>
              <a:schemeClr val="accent2">
                <a:shade val="45000"/>
                <a:satMod val="135000"/>
              </a:schemeClr>
              <a:prstClr val="white"/>
            </a:duotone>
            <a:extLst>
              <a:ext uri="{28A0092B-C50C-407E-A947-70E740481C1C}">
                <a14:useLocalDpi xmlns:a14="http://schemas.microsoft.com/office/drawing/2010/main" val="0"/>
              </a:ext>
            </a:extLst>
          </a:blip>
          <a:stretch>
            <a:fillRect/>
          </a:stretch>
        </p:blipFill>
        <p:spPr>
          <a:xfrm>
            <a:off x="7292748" y="2230898"/>
            <a:ext cx="636225" cy="636225"/>
          </a:xfrm>
          <a:prstGeom prst="rect">
            <a:avLst/>
          </a:prstGeom>
        </p:spPr>
      </p:pic>
      <p:sp>
        <p:nvSpPr>
          <p:cNvPr id="6" name="Pladsholder til slidenummer 5">
            <a:extLst>
              <a:ext uri="{FF2B5EF4-FFF2-40B4-BE49-F238E27FC236}">
                <a16:creationId xmlns:a16="http://schemas.microsoft.com/office/drawing/2014/main" id="{48B0573E-C80C-871D-BB8D-1E35064DD018}"/>
              </a:ext>
            </a:extLst>
          </p:cNvPr>
          <p:cNvSpPr>
            <a:spLocks noGrp="1"/>
          </p:cNvSpPr>
          <p:nvPr>
            <p:ph type="sldNum" sz="quarter" idx="12"/>
          </p:nvPr>
        </p:nvSpPr>
        <p:spPr/>
        <p:txBody>
          <a:bodyPr/>
          <a:lstStyle/>
          <a:p>
            <a:pPr marL="0" marR="0" lvl="0" indent="0" algn="r" defTabSz="914400" rtl="0" eaLnBrk="1" fontAlgn="base" latinLnBrk="0" hangingPunct="1">
              <a:lnSpc>
                <a:spcPts val="1200"/>
              </a:lnSpc>
              <a:spcBef>
                <a:spcPct val="0"/>
              </a:spcBef>
              <a:spcAft>
                <a:spcPct val="0"/>
              </a:spcAft>
              <a:buClrTx/>
              <a:buSzTx/>
              <a:buFontTx/>
              <a:buNone/>
              <a:tabLst/>
              <a:defRPr/>
            </a:pPr>
            <a:fld id="{E90C1E0A-682D-40DC-B1EA-26C007FDC330}" type="slidenum">
              <a:rPr kumimoji="0" lang="da-DK" sz="700" b="0" i="0" u="none" strike="noStrike" kern="1200" cap="none" spc="40" normalizeH="0" baseline="0" noProof="0" smtClean="0">
                <a:ln>
                  <a:noFill/>
                </a:ln>
                <a:solidFill>
                  <a:srgbClr val="000000"/>
                </a:solidFill>
                <a:effectLst/>
                <a:uLnTx/>
                <a:uFillTx/>
                <a:latin typeface="AU Passata"/>
                <a:ea typeface="+mn-ea"/>
                <a:cs typeface="+mn-cs"/>
              </a:rPr>
              <a:pPr marL="0" marR="0" lvl="0" indent="0" algn="r" defTabSz="914400" rtl="0" eaLnBrk="1" fontAlgn="base" latinLnBrk="0" hangingPunct="1">
                <a:lnSpc>
                  <a:spcPts val="1200"/>
                </a:lnSpc>
                <a:spcBef>
                  <a:spcPct val="0"/>
                </a:spcBef>
                <a:spcAft>
                  <a:spcPct val="0"/>
                </a:spcAft>
                <a:buClrTx/>
                <a:buSzTx/>
                <a:buFontTx/>
                <a:buNone/>
                <a:tabLst/>
                <a:defRPr/>
              </a:pPr>
              <a:t>9</a:t>
            </a:fld>
            <a:endParaRPr kumimoji="0" lang="da-DK" sz="700" b="0" i="0" u="none" strike="noStrike" kern="1200" cap="none" spc="40" normalizeH="0" baseline="0" noProof="0">
              <a:ln>
                <a:noFill/>
              </a:ln>
              <a:solidFill>
                <a:srgbClr val="000000"/>
              </a:solidFill>
              <a:effectLst/>
              <a:uLnTx/>
              <a:uFillTx/>
              <a:latin typeface="AU Passata"/>
              <a:ea typeface="+mn-ea"/>
              <a:cs typeface="+mn-cs"/>
            </a:endParaRPr>
          </a:p>
        </p:txBody>
      </p:sp>
    </p:spTree>
    <p:extLst>
      <p:ext uri="{BB962C8B-B14F-4D97-AF65-F5344CB8AC3E}">
        <p14:creationId xmlns:p14="http://schemas.microsoft.com/office/powerpoint/2010/main" val="2693857375"/>
      </p:ext>
    </p:extLst>
  </p:cSld>
  <p:clrMapOvr>
    <a:masterClrMapping/>
  </p:clrMapOvr>
</p:sld>
</file>

<file path=ppt/theme/theme1.xml><?xml version="1.0" encoding="utf-8"?>
<a:theme xmlns:a="http://schemas.openxmlformats.org/drawingml/2006/main" name="AU 16:9">
  <a:themeElements>
    <a:clrScheme name="01 AU Blue">
      <a:dk1>
        <a:srgbClr val="000000"/>
      </a:dk1>
      <a:lt1>
        <a:srgbClr val="FFFFFF"/>
      </a:lt1>
      <a:dk2>
        <a:srgbClr val="002546"/>
      </a:dk2>
      <a:lt2>
        <a:srgbClr val="002546"/>
      </a:lt2>
      <a:accent1>
        <a:srgbClr val="0A144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AU Passata">
      <a:majorFont>
        <a:latin typeface="AU Passata"/>
        <a:ea typeface=""/>
        <a:cs typeface=""/>
      </a:majorFont>
      <a:minorFont>
        <a:latin typeface="AU Passat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1778" cap="flat" cmpd="sng" algn="ctr">
          <a:solidFill>
            <a:schemeClr val="accent2"/>
          </a:solidFill>
          <a:prstDash val="solid"/>
          <a:round/>
          <a:headEnd type="none" w="med" len="med"/>
          <a:tailEnd type="none" w="med" len="med"/>
        </a:ln>
        <a:effectLst/>
      </a:spPr>
      <a:bodyPr vert="horz" wrap="square" lIns="91440" tIns="45720" rIns="91440" bIns="45720" numCol="1" rtlCol="0" anchor="t" anchorCtr="0" compatLnSpc="1">
        <a:prstTxWarp prst="textNoShape">
          <a:avLst/>
        </a:prstTxWarp>
        <a:noAutofit/>
      </a:bodyPr>
      <a:lstStyle>
        <a:defPPr marL="0" marR="0" indent="0" algn="l" defTabSz="914400" rtl="0" eaLnBrk="1" fontAlgn="base" latinLnBrk="0" hangingPunct="1">
          <a:lnSpc>
            <a:spcPct val="95000"/>
          </a:lnSpc>
          <a:spcBef>
            <a:spcPct val="0"/>
          </a:spcBef>
          <a:spcAft>
            <a:spcPct val="0"/>
          </a:spcAft>
          <a:buClrTx/>
          <a:buSzTx/>
          <a:buFont typeface="AU Passata" pitchFamily="34" charset="0"/>
          <a:buNone/>
          <a:tabLst/>
          <a:defRPr kumimoji="0" sz="1600" b="0" i="0" u="none" strike="noStrike" cap="none" normalizeH="0" baseline="0" dirty="0" err="1">
            <a:ln>
              <a:noFill/>
            </a:ln>
            <a:solidFill>
              <a:schemeClr val="bg1"/>
            </a:solidFill>
            <a:effectLst/>
            <a:latin typeface="AU Passata" pitchFamily="34" charset="0"/>
          </a:defRPr>
        </a:defPPr>
      </a:lstStyle>
    </a:spDef>
    <a:lnDef>
      <a:spPr bwMode="auto">
        <a:xfrm>
          <a:off x="0" y="0"/>
          <a:ext cx="1" cy="1"/>
        </a:xfrm>
        <a:custGeom>
          <a:avLst/>
          <a:gdLst/>
          <a:ahLst/>
          <a:cxnLst/>
          <a:rect l="0" t="0" r="0" b="0"/>
          <a:pathLst/>
        </a:custGeom>
        <a:solidFill>
          <a:schemeClr val="accent2"/>
        </a:solidFill>
        <a:ln w="1778" cap="flat" cmpd="sng" algn="ctr">
          <a:solidFill>
            <a:schemeClr val="accent2"/>
          </a:solidFill>
          <a:prstDash val="solid"/>
          <a:round/>
          <a:headEnd type="none" w="med" len="med"/>
          <a:tailEnd type="none" w="med" len="med"/>
        </a:ln>
        <a:effectLst/>
      </a:spPr>
      <a:bodyPr vert="horz" wrap="none" lIns="91440" tIns="45720" rIns="91440" bIns="45720" numCol="1" anchor="t" anchorCtr="0" compatLnSpc="1">
        <a:prstTxWarp prst="textNoShape">
          <a:avLst/>
        </a:prstTxWarp>
        <a:spAutoFit/>
      </a:bodyPr>
      <a:lstStyle>
        <a:defPPr marL="0" marR="0" indent="0" algn="l" defTabSz="914400" rtl="0" eaLnBrk="1" fontAlgn="base" latinLnBrk="0" hangingPunct="1">
          <a:lnSpc>
            <a:spcPts val="3600"/>
          </a:lnSpc>
          <a:spcBef>
            <a:spcPct val="0"/>
          </a:spcBef>
          <a:spcAft>
            <a:spcPct val="0"/>
          </a:spcAft>
          <a:buClrTx/>
          <a:buSzTx/>
          <a:buFont typeface="AU Passata" pitchFamily="34" charset="0"/>
          <a:buNone/>
          <a:tabLst/>
          <a:defRPr kumimoji="0" lang="en-US" sz="3600" b="0" i="0" u="none" strike="noStrike" cap="none" normalizeH="0" baseline="0">
            <a:ln>
              <a:noFill/>
            </a:ln>
            <a:solidFill>
              <a:schemeClr val="tx1"/>
            </a:solidFill>
            <a:effectLst/>
            <a:latin typeface="AU Passata" pitchFamily="34" charset="0"/>
          </a:defRPr>
        </a:defPPr>
      </a:lstStyle>
    </a:lnDef>
    <a:txDef>
      <a:spPr>
        <a:noFill/>
      </a:spPr>
      <a:bodyPr wrap="square" lIns="0" tIns="0" rIns="0" bIns="0" rtlCol="0">
        <a:spAutoFit/>
      </a:bodyPr>
      <a:lstStyle>
        <a:defPPr>
          <a:lnSpc>
            <a:spcPct val="95000"/>
          </a:lnSpc>
          <a:defRPr sz="1600" dirty="0">
            <a:latin typeface="+mn-lt"/>
          </a:defRPr>
        </a:defPPr>
      </a:lstStyle>
    </a:txDef>
  </a:objectDefaults>
  <a:extraClrSchemeLst/>
  <a:extLst>
    <a:ext uri="{05A4C25C-085E-4340-85A3-A5531E510DB2}">
      <thm15:themeFamily xmlns:thm15="http://schemas.microsoft.com/office/thememl/2012/main" name="AU PowerPoint Template 16-9.potx" id="{7A6F7BDC-B87C-43B1-A03F-8FC29EB8E4AA}" vid="{0342C178-0357-4DD1-B9D7-A15D067ACA9C}"/>
    </a:ext>
  </a:extLst>
</a:theme>
</file>

<file path=ppt/theme/theme2.xml><?xml version="1.0" encoding="utf-8"?>
<a:theme xmlns:a="http://schemas.openxmlformats.org/drawingml/2006/main" name="1_AU 16:9">
  <a:themeElements>
    <a:clrScheme name="04 AU Turquoise">
      <a:dk1>
        <a:srgbClr val="000000"/>
      </a:dk1>
      <a:lt1>
        <a:srgbClr val="FFFFFF"/>
      </a:lt1>
      <a:dk2>
        <a:srgbClr val="004543"/>
      </a:dk2>
      <a:lt2>
        <a:srgbClr val="004543"/>
      </a:lt2>
      <a:accent1>
        <a:srgbClr val="0A144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AU Passata">
      <a:majorFont>
        <a:latin typeface="AU Passata"/>
        <a:ea typeface=""/>
        <a:cs typeface=""/>
      </a:majorFont>
      <a:minorFont>
        <a:latin typeface="AU Passat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1778" cap="flat" cmpd="sng" algn="ctr">
          <a:solidFill>
            <a:schemeClr val="accent2"/>
          </a:solidFill>
          <a:prstDash val="solid"/>
          <a:round/>
          <a:headEnd type="none" w="med" len="med"/>
          <a:tailEnd type="none" w="med" len="med"/>
        </a:ln>
        <a:effectLst/>
      </a:spPr>
      <a:bodyPr vert="horz" wrap="square" lIns="91440" tIns="45720" rIns="91440" bIns="45720" numCol="1" rtlCol="0" anchor="t" anchorCtr="0" compatLnSpc="1">
        <a:prstTxWarp prst="textNoShape">
          <a:avLst/>
        </a:prstTxWarp>
        <a:noAutofit/>
      </a:bodyPr>
      <a:lstStyle>
        <a:defPPr marL="0" marR="0" indent="0" algn="l" defTabSz="914400" rtl="0" eaLnBrk="1" fontAlgn="base" latinLnBrk="0" hangingPunct="1">
          <a:lnSpc>
            <a:spcPct val="95000"/>
          </a:lnSpc>
          <a:spcBef>
            <a:spcPct val="0"/>
          </a:spcBef>
          <a:spcAft>
            <a:spcPct val="0"/>
          </a:spcAft>
          <a:buClrTx/>
          <a:buSzTx/>
          <a:buFont typeface="AU Passata" pitchFamily="34" charset="0"/>
          <a:buNone/>
          <a:tabLst/>
          <a:defRPr kumimoji="0" sz="1600" b="0" i="0" u="none" strike="noStrike" cap="none" normalizeH="0" baseline="0" dirty="0" err="1">
            <a:ln>
              <a:noFill/>
            </a:ln>
            <a:solidFill>
              <a:schemeClr val="bg1"/>
            </a:solidFill>
            <a:effectLst/>
            <a:latin typeface="AU Passata" pitchFamily="34" charset="0"/>
          </a:defRPr>
        </a:defPPr>
      </a:lstStyle>
    </a:spDef>
    <a:lnDef>
      <a:spPr bwMode="auto">
        <a:xfrm>
          <a:off x="0" y="0"/>
          <a:ext cx="1" cy="1"/>
        </a:xfrm>
        <a:custGeom>
          <a:avLst/>
          <a:gdLst/>
          <a:ahLst/>
          <a:cxnLst/>
          <a:rect l="0" t="0" r="0" b="0"/>
          <a:pathLst/>
        </a:custGeom>
        <a:solidFill>
          <a:schemeClr val="accent2"/>
        </a:solidFill>
        <a:ln w="1778" cap="flat" cmpd="sng" algn="ctr">
          <a:solidFill>
            <a:schemeClr val="accent2"/>
          </a:solidFill>
          <a:prstDash val="solid"/>
          <a:round/>
          <a:headEnd type="none" w="med" len="med"/>
          <a:tailEnd type="none" w="med" len="med"/>
        </a:ln>
        <a:effectLst/>
      </a:spPr>
      <a:bodyPr vert="horz" wrap="none" lIns="91440" tIns="45720" rIns="91440" bIns="45720" numCol="1" anchor="t" anchorCtr="0" compatLnSpc="1">
        <a:prstTxWarp prst="textNoShape">
          <a:avLst/>
        </a:prstTxWarp>
        <a:spAutoFit/>
      </a:bodyPr>
      <a:lstStyle>
        <a:defPPr marL="0" marR="0" indent="0" algn="l" defTabSz="914400" rtl="0" eaLnBrk="1" fontAlgn="base" latinLnBrk="0" hangingPunct="1">
          <a:lnSpc>
            <a:spcPts val="3600"/>
          </a:lnSpc>
          <a:spcBef>
            <a:spcPct val="0"/>
          </a:spcBef>
          <a:spcAft>
            <a:spcPct val="0"/>
          </a:spcAft>
          <a:buClrTx/>
          <a:buSzTx/>
          <a:buFont typeface="AU Passata" pitchFamily="34" charset="0"/>
          <a:buNone/>
          <a:tabLst/>
          <a:defRPr kumimoji="0" lang="en-US" sz="3600" b="0" i="0" u="none" strike="noStrike" cap="none" normalizeH="0" baseline="0">
            <a:ln>
              <a:noFill/>
            </a:ln>
            <a:solidFill>
              <a:schemeClr val="tx1"/>
            </a:solidFill>
            <a:effectLst/>
            <a:latin typeface="AU Passata" pitchFamily="34" charset="0"/>
          </a:defRPr>
        </a:defPPr>
      </a:lstStyle>
    </a:lnDef>
    <a:txDef>
      <a:spPr>
        <a:noFill/>
      </a:spPr>
      <a:bodyPr wrap="square" lIns="0" tIns="0" rIns="0" bIns="0" rtlCol="0">
        <a:spAutoFit/>
      </a:bodyPr>
      <a:lstStyle>
        <a:defPPr>
          <a:lnSpc>
            <a:spcPct val="95000"/>
          </a:lnSpc>
          <a:defRPr sz="1600" dirty="0">
            <a:latin typeface="+mn-lt"/>
          </a:defRPr>
        </a:defPPr>
      </a:lstStyle>
    </a:txDef>
  </a:objectDefaults>
  <a:extraClrSchemeLst/>
  <a:extLst>
    <a:ext uri="{05A4C25C-085E-4340-85A3-A5531E510DB2}">
      <thm15:themeFamily xmlns:thm15="http://schemas.microsoft.com/office/thememl/2012/main" name="AU PowerPoint Template 16-9.potx" id="{7A6F7BDC-B87C-43B1-A03F-8FC29EB8E4AA}" vid="{0342C178-0357-4DD1-B9D7-A15D067ACA9C}"/>
    </a:ext>
  </a:extLst>
</a:theme>
</file>

<file path=ppt/theme/theme3.xml><?xml version="1.0" encoding="utf-8"?>
<a:theme xmlns:a="http://schemas.openxmlformats.org/drawingml/2006/main" name="2_AU 16:9">
  <a:themeElements>
    <a:clrScheme name="04 AU Turquoise">
      <a:dk1>
        <a:srgbClr val="000000"/>
      </a:dk1>
      <a:lt1>
        <a:srgbClr val="FFFFFF"/>
      </a:lt1>
      <a:dk2>
        <a:srgbClr val="004543"/>
      </a:dk2>
      <a:lt2>
        <a:srgbClr val="004543"/>
      </a:lt2>
      <a:accent1>
        <a:srgbClr val="0A144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AU Passata">
      <a:majorFont>
        <a:latin typeface="AU Passata"/>
        <a:ea typeface=""/>
        <a:cs typeface=""/>
      </a:majorFont>
      <a:minorFont>
        <a:latin typeface="AU Passat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1778" cap="flat" cmpd="sng" algn="ctr">
          <a:solidFill>
            <a:schemeClr val="accent2"/>
          </a:solidFill>
          <a:prstDash val="solid"/>
          <a:round/>
          <a:headEnd type="none" w="med" len="med"/>
          <a:tailEnd type="none" w="med" len="med"/>
        </a:ln>
        <a:effectLst/>
      </a:spPr>
      <a:bodyPr vert="horz" wrap="square" lIns="91440" tIns="45720" rIns="91440" bIns="45720" numCol="1" rtlCol="0" anchor="t" anchorCtr="0" compatLnSpc="1">
        <a:prstTxWarp prst="textNoShape">
          <a:avLst/>
        </a:prstTxWarp>
        <a:noAutofit/>
      </a:bodyPr>
      <a:lstStyle>
        <a:defPPr marL="0" marR="0" indent="0" algn="l" defTabSz="914400" rtl="0" eaLnBrk="1" fontAlgn="base" latinLnBrk="0" hangingPunct="1">
          <a:lnSpc>
            <a:spcPct val="95000"/>
          </a:lnSpc>
          <a:spcBef>
            <a:spcPct val="0"/>
          </a:spcBef>
          <a:spcAft>
            <a:spcPct val="0"/>
          </a:spcAft>
          <a:buClrTx/>
          <a:buSzTx/>
          <a:buFont typeface="AU Passata" pitchFamily="34" charset="0"/>
          <a:buNone/>
          <a:tabLst/>
          <a:defRPr kumimoji="0" sz="1600" b="0" i="0" u="none" strike="noStrike" cap="none" normalizeH="0" baseline="0" dirty="0" err="1">
            <a:ln>
              <a:noFill/>
            </a:ln>
            <a:solidFill>
              <a:schemeClr val="bg1"/>
            </a:solidFill>
            <a:effectLst/>
            <a:latin typeface="AU Passata" pitchFamily="34" charset="0"/>
          </a:defRPr>
        </a:defPPr>
      </a:lstStyle>
    </a:spDef>
    <a:lnDef>
      <a:spPr bwMode="auto">
        <a:xfrm>
          <a:off x="0" y="0"/>
          <a:ext cx="1" cy="1"/>
        </a:xfrm>
        <a:custGeom>
          <a:avLst/>
          <a:gdLst/>
          <a:ahLst/>
          <a:cxnLst/>
          <a:rect l="0" t="0" r="0" b="0"/>
          <a:pathLst/>
        </a:custGeom>
        <a:solidFill>
          <a:schemeClr val="accent2"/>
        </a:solidFill>
        <a:ln w="1778" cap="flat" cmpd="sng" algn="ctr">
          <a:solidFill>
            <a:schemeClr val="accent2"/>
          </a:solidFill>
          <a:prstDash val="solid"/>
          <a:round/>
          <a:headEnd type="none" w="med" len="med"/>
          <a:tailEnd type="none" w="med" len="med"/>
        </a:ln>
        <a:effectLst/>
      </a:spPr>
      <a:bodyPr vert="horz" wrap="none" lIns="91440" tIns="45720" rIns="91440" bIns="45720" numCol="1" anchor="t" anchorCtr="0" compatLnSpc="1">
        <a:prstTxWarp prst="textNoShape">
          <a:avLst/>
        </a:prstTxWarp>
        <a:spAutoFit/>
      </a:bodyPr>
      <a:lstStyle>
        <a:defPPr marL="0" marR="0" indent="0" algn="l" defTabSz="914400" rtl="0" eaLnBrk="1" fontAlgn="base" latinLnBrk="0" hangingPunct="1">
          <a:lnSpc>
            <a:spcPts val="3600"/>
          </a:lnSpc>
          <a:spcBef>
            <a:spcPct val="0"/>
          </a:spcBef>
          <a:spcAft>
            <a:spcPct val="0"/>
          </a:spcAft>
          <a:buClrTx/>
          <a:buSzTx/>
          <a:buFont typeface="AU Passata" pitchFamily="34" charset="0"/>
          <a:buNone/>
          <a:tabLst/>
          <a:defRPr kumimoji="0" lang="en-US" sz="3600" b="0" i="0" u="none" strike="noStrike" cap="none" normalizeH="0" baseline="0">
            <a:ln>
              <a:noFill/>
            </a:ln>
            <a:solidFill>
              <a:schemeClr val="tx1"/>
            </a:solidFill>
            <a:effectLst/>
            <a:latin typeface="AU Passata" pitchFamily="34" charset="0"/>
          </a:defRPr>
        </a:defPPr>
      </a:lstStyle>
    </a:lnDef>
    <a:txDef>
      <a:spPr>
        <a:noFill/>
      </a:spPr>
      <a:bodyPr wrap="square" lIns="0" tIns="0" rIns="0" bIns="0" rtlCol="0">
        <a:spAutoFit/>
      </a:bodyPr>
      <a:lstStyle>
        <a:defPPr>
          <a:lnSpc>
            <a:spcPct val="95000"/>
          </a:lnSpc>
          <a:defRPr sz="1600" dirty="0">
            <a:latin typeface="+mn-lt"/>
          </a:defRPr>
        </a:defPPr>
      </a:lstStyle>
    </a:txDef>
  </a:objectDefaults>
  <a:extraClrSchemeLst/>
  <a:extLst>
    <a:ext uri="{05A4C25C-085E-4340-85A3-A5531E510DB2}">
      <thm15:themeFamily xmlns:thm15="http://schemas.microsoft.com/office/thememl/2012/main" name="AU 16-9_revideret master til US_05092024.potx  -  Skrivebeskyttet" id="{BD8E9859-61AB-4950-923D-BDCA34D1B491}" vid="{EA0BCB30-DEB2-42D9-94CD-46D458B775B7}"/>
    </a:ext>
  </a:extLst>
</a:theme>
</file>

<file path=ppt/theme/theme4.xml><?xml version="1.0" encoding="utf-8"?>
<a:theme xmlns:a="http://schemas.openxmlformats.org/drawingml/2006/main" name="3_AU 16:9">
  <a:themeElements>
    <a:clrScheme name="AU_Blue">
      <a:dk1>
        <a:srgbClr val="000000"/>
      </a:dk1>
      <a:lt1>
        <a:srgbClr val="FFFFFF"/>
      </a:lt1>
      <a:dk2>
        <a:srgbClr val="002546"/>
      </a:dk2>
      <a:lt2>
        <a:srgbClr val="002546"/>
      </a:lt2>
      <a:accent1>
        <a:srgbClr val="0A143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AU Passata">
      <a:majorFont>
        <a:latin typeface="AU Passata"/>
        <a:ea typeface=""/>
        <a:cs typeface=""/>
      </a:majorFont>
      <a:minorFont>
        <a:latin typeface="AU Passat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1778" cap="flat" cmpd="sng" algn="ctr">
          <a:solidFill>
            <a:schemeClr val="accent2"/>
          </a:solidFill>
          <a:prstDash val="solid"/>
          <a:round/>
          <a:headEnd type="none" w="med" len="med"/>
          <a:tailEnd type="none" w="med" len="med"/>
        </a:ln>
        <a:effectLst/>
      </a:spPr>
      <a:bodyPr vert="horz" wrap="square" lIns="91440" tIns="45720" rIns="91440" bIns="45720" numCol="1" rtlCol="0" anchor="t" anchorCtr="0" compatLnSpc="1">
        <a:prstTxWarp prst="textNoShape">
          <a:avLst/>
        </a:prstTxWarp>
        <a:noAutofit/>
      </a:bodyPr>
      <a:lstStyle>
        <a:defPPr marL="0" marR="0" indent="0" algn="l" defTabSz="914400" rtl="0" eaLnBrk="1" fontAlgn="base" latinLnBrk="0" hangingPunct="1">
          <a:lnSpc>
            <a:spcPct val="95000"/>
          </a:lnSpc>
          <a:spcBef>
            <a:spcPct val="0"/>
          </a:spcBef>
          <a:spcAft>
            <a:spcPct val="0"/>
          </a:spcAft>
          <a:buClrTx/>
          <a:buSzTx/>
          <a:buFont typeface="AU Passata" pitchFamily="34" charset="0"/>
          <a:buNone/>
          <a:tabLst/>
          <a:defRPr kumimoji="0" sz="1600" b="0" i="0" u="none" strike="noStrike" cap="none" normalizeH="0" baseline="0" dirty="0" err="1">
            <a:ln>
              <a:noFill/>
            </a:ln>
            <a:solidFill>
              <a:schemeClr val="bg1"/>
            </a:solidFill>
            <a:effectLst/>
            <a:latin typeface="AU Passata" pitchFamily="34" charset="0"/>
          </a:defRPr>
        </a:defPPr>
      </a:lstStyle>
    </a:spDef>
    <a:lnDef>
      <a:spPr bwMode="auto">
        <a:xfrm>
          <a:off x="0" y="0"/>
          <a:ext cx="1" cy="1"/>
        </a:xfrm>
        <a:custGeom>
          <a:avLst/>
          <a:gdLst/>
          <a:ahLst/>
          <a:cxnLst/>
          <a:rect l="0" t="0" r="0" b="0"/>
          <a:pathLst/>
        </a:custGeom>
        <a:solidFill>
          <a:schemeClr val="accent2"/>
        </a:solidFill>
        <a:ln w="1778" cap="flat" cmpd="sng" algn="ctr">
          <a:solidFill>
            <a:schemeClr val="accent2"/>
          </a:solidFill>
          <a:prstDash val="solid"/>
          <a:round/>
          <a:headEnd type="none" w="med" len="med"/>
          <a:tailEnd type="none" w="med" len="med"/>
        </a:ln>
        <a:effectLst/>
      </a:spPr>
      <a:bodyPr vert="horz" wrap="none" lIns="91440" tIns="45720" rIns="91440" bIns="45720" numCol="1" anchor="t" anchorCtr="0" compatLnSpc="1">
        <a:prstTxWarp prst="textNoShape">
          <a:avLst/>
        </a:prstTxWarp>
        <a:spAutoFit/>
      </a:bodyPr>
      <a:lstStyle>
        <a:defPPr marL="0" marR="0" indent="0" algn="l" defTabSz="914400" rtl="0" eaLnBrk="1" fontAlgn="base" latinLnBrk="0" hangingPunct="1">
          <a:lnSpc>
            <a:spcPts val="3600"/>
          </a:lnSpc>
          <a:spcBef>
            <a:spcPct val="0"/>
          </a:spcBef>
          <a:spcAft>
            <a:spcPct val="0"/>
          </a:spcAft>
          <a:buClrTx/>
          <a:buSzTx/>
          <a:buFont typeface="AU Passata" pitchFamily="34" charset="0"/>
          <a:buNone/>
          <a:tabLst/>
          <a:defRPr kumimoji="0" lang="en-US" sz="3600" b="0" i="0" u="none" strike="noStrike" cap="none" normalizeH="0" baseline="0">
            <a:ln>
              <a:noFill/>
            </a:ln>
            <a:solidFill>
              <a:schemeClr val="tx1"/>
            </a:solidFill>
            <a:effectLst/>
            <a:latin typeface="AU Passata" pitchFamily="34" charset="0"/>
          </a:defRPr>
        </a:defPPr>
      </a:lstStyle>
    </a:lnDef>
    <a:txDef>
      <a:spPr>
        <a:noFill/>
      </a:spPr>
      <a:bodyPr wrap="square" lIns="0" tIns="0" rIns="0" bIns="0" rtlCol="0">
        <a:spAutoFit/>
      </a:bodyPr>
      <a:lstStyle>
        <a:defPPr>
          <a:lnSpc>
            <a:spcPct val="95000"/>
          </a:lnSpc>
          <a:defRPr sz="1600" dirty="0">
            <a:latin typeface="+mn-lt"/>
          </a:defRPr>
        </a:defPPr>
      </a:lstStyle>
    </a:txDef>
  </a:objectDefaults>
  <a:extraClrSchemeLst/>
  <a:extLst>
    <a:ext uri="{05A4C25C-085E-4340-85A3-A5531E510DB2}">
      <thm15:themeFamily xmlns:thm15="http://schemas.microsoft.com/office/thememl/2012/main" name="AU PowerPoint Template 16-9.potx" id="{7A6F7BDC-B87C-43B1-A03F-8FC29EB8E4AA}" vid="{0342C178-0357-4DD1-B9D7-A15D067ACA9C}"/>
    </a:ext>
  </a:extLst>
</a:theme>
</file>

<file path=ppt/theme/theme5.xml><?xml version="1.0" encoding="utf-8"?>
<a:theme xmlns:a="http://schemas.openxmlformats.org/drawingml/2006/main" name="4_AU 16:9">
  <a:themeElements>
    <a:clrScheme name="04 AU Turquoise">
      <a:dk1>
        <a:srgbClr val="000000"/>
      </a:dk1>
      <a:lt1>
        <a:srgbClr val="FFFFFF"/>
      </a:lt1>
      <a:dk2>
        <a:srgbClr val="004543"/>
      </a:dk2>
      <a:lt2>
        <a:srgbClr val="004543"/>
      </a:lt2>
      <a:accent1>
        <a:srgbClr val="0A144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AU Passata">
      <a:majorFont>
        <a:latin typeface="AU Passata"/>
        <a:ea typeface=""/>
        <a:cs typeface=""/>
      </a:majorFont>
      <a:minorFont>
        <a:latin typeface="AU Passat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1778" cap="flat" cmpd="sng" algn="ctr">
          <a:solidFill>
            <a:schemeClr val="accent2"/>
          </a:solidFill>
          <a:prstDash val="solid"/>
          <a:round/>
          <a:headEnd type="none" w="med" len="med"/>
          <a:tailEnd type="none" w="med" len="med"/>
        </a:ln>
        <a:effectLst/>
      </a:spPr>
      <a:bodyPr vert="horz" wrap="square" lIns="91440" tIns="45720" rIns="91440" bIns="45720" numCol="1" rtlCol="0" anchor="t" anchorCtr="0" compatLnSpc="1">
        <a:prstTxWarp prst="textNoShape">
          <a:avLst/>
        </a:prstTxWarp>
        <a:noAutofit/>
      </a:bodyPr>
      <a:lstStyle>
        <a:defPPr marL="0" marR="0" indent="0" algn="l" defTabSz="914400" rtl="0" eaLnBrk="1" fontAlgn="base" latinLnBrk="0" hangingPunct="1">
          <a:lnSpc>
            <a:spcPct val="95000"/>
          </a:lnSpc>
          <a:spcBef>
            <a:spcPct val="0"/>
          </a:spcBef>
          <a:spcAft>
            <a:spcPct val="0"/>
          </a:spcAft>
          <a:buClrTx/>
          <a:buSzTx/>
          <a:buFont typeface="AU Passata" pitchFamily="34" charset="0"/>
          <a:buNone/>
          <a:tabLst/>
          <a:defRPr kumimoji="0" sz="1600" b="0" i="0" u="none" strike="noStrike" cap="none" normalizeH="0" baseline="0" dirty="0" err="1">
            <a:ln>
              <a:noFill/>
            </a:ln>
            <a:solidFill>
              <a:schemeClr val="bg1"/>
            </a:solidFill>
            <a:effectLst/>
            <a:latin typeface="AU Passata" pitchFamily="34" charset="0"/>
          </a:defRPr>
        </a:defPPr>
      </a:lstStyle>
    </a:spDef>
    <a:lnDef>
      <a:spPr bwMode="auto">
        <a:xfrm>
          <a:off x="0" y="0"/>
          <a:ext cx="1" cy="1"/>
        </a:xfrm>
        <a:custGeom>
          <a:avLst/>
          <a:gdLst/>
          <a:ahLst/>
          <a:cxnLst/>
          <a:rect l="0" t="0" r="0" b="0"/>
          <a:pathLst/>
        </a:custGeom>
        <a:solidFill>
          <a:schemeClr val="accent2"/>
        </a:solidFill>
        <a:ln w="1778" cap="flat" cmpd="sng" algn="ctr">
          <a:solidFill>
            <a:schemeClr val="accent2"/>
          </a:solidFill>
          <a:prstDash val="solid"/>
          <a:round/>
          <a:headEnd type="none" w="med" len="med"/>
          <a:tailEnd type="none" w="med" len="med"/>
        </a:ln>
        <a:effectLst/>
      </a:spPr>
      <a:bodyPr vert="horz" wrap="none" lIns="91440" tIns="45720" rIns="91440" bIns="45720" numCol="1" anchor="t" anchorCtr="0" compatLnSpc="1">
        <a:prstTxWarp prst="textNoShape">
          <a:avLst/>
        </a:prstTxWarp>
        <a:spAutoFit/>
      </a:bodyPr>
      <a:lstStyle>
        <a:defPPr marL="0" marR="0" indent="0" algn="l" defTabSz="914400" rtl="0" eaLnBrk="1" fontAlgn="base" latinLnBrk="0" hangingPunct="1">
          <a:lnSpc>
            <a:spcPts val="3600"/>
          </a:lnSpc>
          <a:spcBef>
            <a:spcPct val="0"/>
          </a:spcBef>
          <a:spcAft>
            <a:spcPct val="0"/>
          </a:spcAft>
          <a:buClrTx/>
          <a:buSzTx/>
          <a:buFont typeface="AU Passata" pitchFamily="34" charset="0"/>
          <a:buNone/>
          <a:tabLst/>
          <a:defRPr kumimoji="0" lang="en-US" sz="3600" b="0" i="0" u="none" strike="noStrike" cap="none" normalizeH="0" baseline="0">
            <a:ln>
              <a:noFill/>
            </a:ln>
            <a:solidFill>
              <a:schemeClr val="tx1"/>
            </a:solidFill>
            <a:effectLst/>
            <a:latin typeface="AU Passata" pitchFamily="34" charset="0"/>
          </a:defRPr>
        </a:defPPr>
      </a:lstStyle>
    </a:lnDef>
    <a:txDef>
      <a:spPr>
        <a:noFill/>
      </a:spPr>
      <a:bodyPr wrap="square" lIns="0" tIns="0" rIns="0" bIns="0" rtlCol="0">
        <a:spAutoFit/>
      </a:bodyPr>
      <a:lstStyle>
        <a:defPPr>
          <a:lnSpc>
            <a:spcPct val="95000"/>
          </a:lnSpc>
          <a:defRPr sz="1600" dirty="0">
            <a:latin typeface="+mn-lt"/>
          </a:defRPr>
        </a:defPPr>
      </a:lstStyle>
    </a:txDef>
  </a:objectDefaults>
  <a:extraClrSchemeLst/>
  <a:extLst>
    <a:ext uri="{05A4C25C-085E-4340-85A3-A5531E510DB2}">
      <thm15:themeFamily xmlns:thm15="http://schemas.microsoft.com/office/thememl/2012/main" name="AU PowerPoint Template 16-9.potx" id="{7A6F7BDC-B87C-43B1-A03F-8FC29EB8E4AA}" vid="{0342C178-0357-4DD1-B9D7-A15D067ACA9C}"/>
    </a:ext>
  </a:extLst>
</a:theme>
</file>

<file path=ppt/theme/theme6.xml><?xml version="1.0" encoding="utf-8"?>
<a:theme xmlns:a="http://schemas.openxmlformats.org/drawingml/2006/main" name="5_AU 16:9">
  <a:themeElements>
    <a:clrScheme name="04 AU Turquoise">
      <a:dk1>
        <a:srgbClr val="000000"/>
      </a:dk1>
      <a:lt1>
        <a:srgbClr val="FFFFFF"/>
      </a:lt1>
      <a:dk2>
        <a:srgbClr val="004543"/>
      </a:dk2>
      <a:lt2>
        <a:srgbClr val="004543"/>
      </a:lt2>
      <a:accent1>
        <a:srgbClr val="0A144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AU Passata">
      <a:majorFont>
        <a:latin typeface="AU Passata"/>
        <a:ea typeface=""/>
        <a:cs typeface=""/>
      </a:majorFont>
      <a:minorFont>
        <a:latin typeface="AU Passat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1778" cap="flat" cmpd="sng" algn="ctr">
          <a:solidFill>
            <a:schemeClr val="accent2"/>
          </a:solidFill>
          <a:prstDash val="solid"/>
          <a:round/>
          <a:headEnd type="none" w="med" len="med"/>
          <a:tailEnd type="none" w="med" len="med"/>
        </a:ln>
        <a:effectLst/>
      </a:spPr>
      <a:bodyPr vert="horz" wrap="square" lIns="91440" tIns="45720" rIns="91440" bIns="45720" numCol="1" rtlCol="0" anchor="t" anchorCtr="0" compatLnSpc="1">
        <a:prstTxWarp prst="textNoShape">
          <a:avLst/>
        </a:prstTxWarp>
        <a:noAutofit/>
      </a:bodyPr>
      <a:lstStyle>
        <a:defPPr marL="0" marR="0" indent="0" algn="l" defTabSz="914400" rtl="0" eaLnBrk="1" fontAlgn="base" latinLnBrk="0" hangingPunct="1">
          <a:lnSpc>
            <a:spcPct val="95000"/>
          </a:lnSpc>
          <a:spcBef>
            <a:spcPct val="0"/>
          </a:spcBef>
          <a:spcAft>
            <a:spcPct val="0"/>
          </a:spcAft>
          <a:buClrTx/>
          <a:buSzTx/>
          <a:buFont typeface="AU Passata" pitchFamily="34" charset="0"/>
          <a:buNone/>
          <a:tabLst/>
          <a:defRPr kumimoji="0" sz="1600" b="0" i="0" u="none" strike="noStrike" cap="none" normalizeH="0" baseline="0" dirty="0" err="1">
            <a:ln>
              <a:noFill/>
            </a:ln>
            <a:solidFill>
              <a:schemeClr val="bg1"/>
            </a:solidFill>
            <a:effectLst/>
            <a:latin typeface="AU Passata" pitchFamily="34" charset="0"/>
          </a:defRPr>
        </a:defPPr>
      </a:lstStyle>
    </a:spDef>
    <a:lnDef>
      <a:spPr bwMode="auto">
        <a:xfrm>
          <a:off x="0" y="0"/>
          <a:ext cx="1" cy="1"/>
        </a:xfrm>
        <a:custGeom>
          <a:avLst/>
          <a:gdLst/>
          <a:ahLst/>
          <a:cxnLst/>
          <a:rect l="0" t="0" r="0" b="0"/>
          <a:pathLst/>
        </a:custGeom>
        <a:solidFill>
          <a:schemeClr val="accent2"/>
        </a:solidFill>
        <a:ln w="1778" cap="flat" cmpd="sng" algn="ctr">
          <a:solidFill>
            <a:schemeClr val="accent2"/>
          </a:solidFill>
          <a:prstDash val="solid"/>
          <a:round/>
          <a:headEnd type="none" w="med" len="med"/>
          <a:tailEnd type="none" w="med" len="med"/>
        </a:ln>
        <a:effectLst/>
      </a:spPr>
      <a:bodyPr vert="horz" wrap="none" lIns="91440" tIns="45720" rIns="91440" bIns="45720" numCol="1" anchor="t" anchorCtr="0" compatLnSpc="1">
        <a:prstTxWarp prst="textNoShape">
          <a:avLst/>
        </a:prstTxWarp>
        <a:spAutoFit/>
      </a:bodyPr>
      <a:lstStyle>
        <a:defPPr marL="0" marR="0" indent="0" algn="l" defTabSz="914400" rtl="0" eaLnBrk="1" fontAlgn="base" latinLnBrk="0" hangingPunct="1">
          <a:lnSpc>
            <a:spcPts val="3600"/>
          </a:lnSpc>
          <a:spcBef>
            <a:spcPct val="0"/>
          </a:spcBef>
          <a:spcAft>
            <a:spcPct val="0"/>
          </a:spcAft>
          <a:buClrTx/>
          <a:buSzTx/>
          <a:buFont typeface="AU Passata" pitchFamily="34" charset="0"/>
          <a:buNone/>
          <a:tabLst/>
          <a:defRPr kumimoji="0" lang="en-US" sz="3600" b="0" i="0" u="none" strike="noStrike" cap="none" normalizeH="0" baseline="0">
            <a:ln>
              <a:noFill/>
            </a:ln>
            <a:solidFill>
              <a:schemeClr val="tx1"/>
            </a:solidFill>
            <a:effectLst/>
            <a:latin typeface="AU Passata" pitchFamily="34" charset="0"/>
          </a:defRPr>
        </a:defPPr>
      </a:lstStyle>
    </a:lnDef>
    <a:txDef>
      <a:spPr>
        <a:noFill/>
      </a:spPr>
      <a:bodyPr wrap="square" lIns="0" tIns="0" rIns="0" bIns="0" rtlCol="0">
        <a:spAutoFit/>
      </a:bodyPr>
      <a:lstStyle>
        <a:defPPr>
          <a:lnSpc>
            <a:spcPct val="95000"/>
          </a:lnSpc>
          <a:defRPr sz="1600" dirty="0">
            <a:latin typeface="+mn-lt"/>
          </a:defRPr>
        </a:defPPr>
      </a:lstStyle>
    </a:txDef>
  </a:objectDefaults>
  <a:extraClrSchemeLst/>
  <a:extLst>
    <a:ext uri="{05A4C25C-085E-4340-85A3-A5531E510DB2}">
      <thm15:themeFamily xmlns:thm15="http://schemas.microsoft.com/office/thememl/2012/main" name="AU 16-9_revideret master til US_05092024.potx  -  Skrivebeskyttet" id="{BD8E9859-61AB-4950-923D-BDCA34D1B491}" vid="{EA0BCB30-DEB2-42D9-94CD-46D458B775B7}"/>
    </a:ext>
  </a:extLst>
</a:theme>
</file>

<file path=ppt/theme/theme7.xml><?xml version="1.0" encoding="utf-8"?>
<a:theme xmlns:a="http://schemas.openxmlformats.org/drawingml/2006/main" name="6_AU 16:9">
  <a:themeElements>
    <a:clrScheme name="04 AU Turquoise">
      <a:dk1>
        <a:srgbClr val="000000"/>
      </a:dk1>
      <a:lt1>
        <a:srgbClr val="FFFFFF"/>
      </a:lt1>
      <a:dk2>
        <a:srgbClr val="004543"/>
      </a:dk2>
      <a:lt2>
        <a:srgbClr val="004543"/>
      </a:lt2>
      <a:accent1>
        <a:srgbClr val="0A144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AU Passata">
      <a:majorFont>
        <a:latin typeface="AU Passata"/>
        <a:ea typeface=""/>
        <a:cs typeface=""/>
      </a:majorFont>
      <a:minorFont>
        <a:latin typeface="AU Passat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1778" cap="flat" cmpd="sng" algn="ctr">
          <a:solidFill>
            <a:schemeClr val="accent2"/>
          </a:solidFill>
          <a:prstDash val="solid"/>
          <a:round/>
          <a:headEnd type="none" w="med" len="med"/>
          <a:tailEnd type="none" w="med" len="med"/>
        </a:ln>
        <a:effectLst/>
      </a:spPr>
      <a:bodyPr vert="horz" wrap="square" lIns="91440" tIns="45720" rIns="91440" bIns="45720" numCol="1" rtlCol="0" anchor="t" anchorCtr="0" compatLnSpc="1">
        <a:prstTxWarp prst="textNoShape">
          <a:avLst/>
        </a:prstTxWarp>
        <a:noAutofit/>
      </a:bodyPr>
      <a:lstStyle>
        <a:defPPr marL="0" marR="0" indent="0" algn="l" defTabSz="914400" rtl="0" eaLnBrk="1" fontAlgn="base" latinLnBrk="0" hangingPunct="1">
          <a:lnSpc>
            <a:spcPct val="95000"/>
          </a:lnSpc>
          <a:spcBef>
            <a:spcPct val="0"/>
          </a:spcBef>
          <a:spcAft>
            <a:spcPct val="0"/>
          </a:spcAft>
          <a:buClrTx/>
          <a:buSzTx/>
          <a:buFont typeface="AU Passata" pitchFamily="34" charset="0"/>
          <a:buNone/>
          <a:tabLst/>
          <a:defRPr kumimoji="0" sz="1600" b="0" i="0" u="none" strike="noStrike" cap="none" normalizeH="0" baseline="0" dirty="0" err="1">
            <a:ln>
              <a:noFill/>
            </a:ln>
            <a:solidFill>
              <a:schemeClr val="bg1"/>
            </a:solidFill>
            <a:effectLst/>
            <a:latin typeface="AU Passata" pitchFamily="34" charset="0"/>
          </a:defRPr>
        </a:defPPr>
      </a:lstStyle>
    </a:spDef>
    <a:lnDef>
      <a:spPr bwMode="auto">
        <a:xfrm>
          <a:off x="0" y="0"/>
          <a:ext cx="1" cy="1"/>
        </a:xfrm>
        <a:custGeom>
          <a:avLst/>
          <a:gdLst/>
          <a:ahLst/>
          <a:cxnLst/>
          <a:rect l="0" t="0" r="0" b="0"/>
          <a:pathLst/>
        </a:custGeom>
        <a:solidFill>
          <a:schemeClr val="accent2"/>
        </a:solidFill>
        <a:ln w="1778" cap="flat" cmpd="sng" algn="ctr">
          <a:solidFill>
            <a:schemeClr val="accent2"/>
          </a:solidFill>
          <a:prstDash val="solid"/>
          <a:round/>
          <a:headEnd type="none" w="med" len="med"/>
          <a:tailEnd type="none" w="med" len="med"/>
        </a:ln>
        <a:effectLst/>
      </a:spPr>
      <a:bodyPr vert="horz" wrap="none" lIns="91440" tIns="45720" rIns="91440" bIns="45720" numCol="1" anchor="t" anchorCtr="0" compatLnSpc="1">
        <a:prstTxWarp prst="textNoShape">
          <a:avLst/>
        </a:prstTxWarp>
        <a:spAutoFit/>
      </a:bodyPr>
      <a:lstStyle>
        <a:defPPr marL="0" marR="0" indent="0" algn="l" defTabSz="914400" rtl="0" eaLnBrk="1" fontAlgn="base" latinLnBrk="0" hangingPunct="1">
          <a:lnSpc>
            <a:spcPts val="3600"/>
          </a:lnSpc>
          <a:spcBef>
            <a:spcPct val="0"/>
          </a:spcBef>
          <a:spcAft>
            <a:spcPct val="0"/>
          </a:spcAft>
          <a:buClrTx/>
          <a:buSzTx/>
          <a:buFont typeface="AU Passata" pitchFamily="34" charset="0"/>
          <a:buNone/>
          <a:tabLst/>
          <a:defRPr kumimoji="0" lang="en-US" sz="3600" b="0" i="0" u="none" strike="noStrike" cap="none" normalizeH="0" baseline="0">
            <a:ln>
              <a:noFill/>
            </a:ln>
            <a:solidFill>
              <a:schemeClr val="tx1"/>
            </a:solidFill>
            <a:effectLst/>
            <a:latin typeface="AU Passata" pitchFamily="34" charset="0"/>
          </a:defRPr>
        </a:defPPr>
      </a:lstStyle>
    </a:lnDef>
    <a:txDef>
      <a:spPr>
        <a:noFill/>
      </a:spPr>
      <a:bodyPr wrap="square" lIns="0" tIns="0" rIns="0" bIns="0" rtlCol="0">
        <a:spAutoFit/>
      </a:bodyPr>
      <a:lstStyle>
        <a:defPPr>
          <a:lnSpc>
            <a:spcPct val="95000"/>
          </a:lnSpc>
          <a:defRPr sz="1600" dirty="0">
            <a:latin typeface="+mn-lt"/>
          </a:defRPr>
        </a:defPPr>
      </a:lstStyle>
    </a:txDef>
  </a:objectDefaults>
  <a:extraClrSchemeLst/>
  <a:extLst>
    <a:ext uri="{05A4C25C-085E-4340-85A3-A5531E510DB2}">
      <thm15:themeFamily xmlns:thm15="http://schemas.microsoft.com/office/thememl/2012/main" name="AU 16-9_revideret master til US_05092024.potx  -  Skrivebeskyttet" id="{BD8E9859-61AB-4950-923D-BDCA34D1B491}" vid="{EA0BCB30-DEB2-42D9-94CD-46D458B775B7}"/>
    </a:ext>
  </a:extLst>
</a:theme>
</file>

<file path=ppt/theme/theme8.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9.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6a34f0fe-df07-497e-9535-651d82bdefd6">
      <Terms xmlns="http://schemas.microsoft.com/office/infopath/2007/PartnerControls"/>
    </lcf76f155ced4ddcb4097134ff3c332f>
    <TaxCatchAll xmlns="6d651e2e-1345-4cf8-9e20-8b9e0e8e7139"/>
    <Note xmlns="6a34f0fe-df07-497e-9535-651d82bdefd6" xsi:nil="true"/>
    <Placering xmlns="6a34f0fe-df07-497e-9535-651d82bdefd6" xsi:nil="true"/>
  </documentManagement>
</p:properties>
</file>

<file path=customXml/item2.xml><?xml version="1.0" encoding="utf-8"?>
<TemplafyFormConfiguration><![CDATA[{"formFields":[{"required":true,"helpTexts":{},"spacing":{},"shareValue":false,"type":"datePicker","name":"Date","label":"Date"},{"required":false,"placeholder":"","lines":1,"helpTexts":{},"spacing":{},"shareValue":false,"type":"textBox","name":"EventOccasion","label":"Event / Occasion"},{"distinct":false,"hideIfNoUserInteractionRequired":false,"required":false,"defaultValue":"Blå","autoSelectFirstOption":false,"helpTexts":{},"spacing":{},"shareValue":false,"type":"dropDown","dataSourceName":"ColorThemePowerPoint","dataSourceFieldName":"Name","name":"ChooseColorTheme","label":"Choose Color theme"}],"formDataEntries":[{"name":"Date","value":"r4SYpQIruTeRf9T8WqS3MA=="},{"name":"ChooseColorTheme","value":"XmRlVpWiose5Rf1eG6aJznCjkbXXnh6o3o1+21OmFqQ="}]}]]></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shape","id":"85c6c4e1-98b7-458b-b459-e0664a894f63","elementConfiguration":{"binding":"{{FormatDateTime(Form.Date, \"d. MMMM yyyy\")}}","visibility":"","type":"text","disableUpdates":false}},{"type":"shape","id":"c2e553e9-5314-4fee-bbe6-8120d79ad7fd","elementConfiguration":{"binding":"{{Form.EventOccasion}}","visibility":"","type":"text","disableUpdates":false}},{"type":"shape","id":"d67162b5-a4c2-4524-968c-e290edc2830d","elementConfiguration":{"binding":"{{UserProfile.Title}}","visibility":"","type":"text","disableUpdates":false}},{"type":"shape","id":"f7a5a52b-ac93-4590-a23b-ad7275111efa","elementConfiguration":{"binding":"{{UserProfile.Name}}","visibility":"","type":"text","disableUpdates":false}},{"type":"shape","id":"0994a165-bd60-49da-b443-30c3e5350c58","elementConfiguration":{"inheritDimensions":"{{InheritDimensions.InheritNone}}","width":"4.61 cm","height":"1.55 cm","image":"{{UserProfile.UnitId.ExtraLogoRef.ImageRightAlignedRef.ImageFile}}","visibility":"","type":"image","disableUpdates":false}},{"type":"shape","id":"11b6a32d-1b23-41e9-98c4-74b9fd0aa8cc","elementConfiguration":{"binding":"{{UserProfile.UnitId.Logo2}}","visibility":"","type":"text","disableUpdates":false}},{"type":"shape","id":"9d873a5f-86b2-40df-8d92-1a80024bbe78","elementConfiguration":{"binding":"{{UserProfile.UnitId.Logo1PowerPoint}}","visibility":"","type":"text","disableUpdates":false}},{"type":"shape","id":"45965339-f7e5-4570-ab2d-ef0d3b8a33b8","elementConfiguration":{"binding":"{{FormatDateTime(Form.Date, \"d. MMMM yyyy\")}}","visibility":"","type":"text","disableUpdates":false}},{"type":"shape","id":"ff2d30cf-9b41-47a2-8d63-bae5fc2f1643","elementConfiguration":{"binding":"{{Form.EventOccasion}}","visibility":"","type":"text","disableUpdates":false}},{"type":"shape","id":"e8e4473b-3af8-449c-b8c8-d709ac65a03f","elementConfiguration":{"inheritDimensions":"{{InheritDimensions.InheritNone}}","width":"4.61 cm","height":"1.55 cm","image":"{{UserProfile.UnitId.ExtraLogoRef.ImageRightAlignedNegRef.ImageFile}}","visibility":"","type":"image","disableUpdates":false}},{"type":"shape","id":"4c520d42-8a67-4fc9-9e85-26e9c25539cc","elementConfiguration":{"binding":"{{UserProfile.UnitId.Logo2}}","visibility":"","type":"text","disableUpdates":false}},{"type":"shape","id":"954e34d8-705b-48c5-900e-28209a248570","elementConfiguration":{"binding":"{{UserProfile.UnitId.Logo1PowerPoint}}","visibility":"","type":"text","disableUpdates":false}},{"type":"shape","id":"3c59d6fa-a734-405b-9361-b01c98aafeb2","elementConfiguration":{"binding":"{{FormatDateTime(Form.Date, \"d. MMMM yyyy\")}}","visibility":"","type":"text","disableUpdates":false}},{"type":"shape","id":"c3ccde8e-823a-4434-9572-5c462459c79d","elementConfiguration":{"binding":"{{Form.EventOccasion}}","visibility":"","type":"text","disableUpdates":false}},{"type":"shape","id":"8ecf3d9a-43a8-4840-8887-ac60853a3f12","elementConfiguration":{"binding":"{{UserProfile.Name}}","visibility":"","type":"text","disableUpdates":false}},{"type":"shape","id":"db648793-381d-4fa9-87fd-0ae5cfc60e79","elementConfiguration":{"inheritDimensions":"{{InheritDimensions.InheritNone}}","width":"4.61 cm","height":"1.55 cm","image":"{{UserProfile.UnitId.ExtraLogoRef.ImageRightAlignedNegRef.ImageFile}}","visibility":"","type":"image","disableUpdates":false}},{"type":"shape","id":"e71d9fd3-251f-46f9-9496-ea9b859d7a57","elementConfiguration":{"binding":"{{UserProfile.UnitId.Logo2}}","visibility":"","type":"text","disableUpdates":false}},{"type":"shape","id":"fee1d462-4fff-4e9e-81b6-fd909c97cb3d","elementConfiguration":{"binding":"{{UserProfile.UnitId.Logo1PowerPoint}}","visibility":"","type":"text","disableUpdates":false}},{"type":"shape","id":"58832a3b-52e9-4bf5-8f76-eb447ffc344b","elementConfiguration":{"binding":"{{UserProfile.UnitId.Logo1PowerPoint}}","visibility":"","type":"text","disableUpdates":false}},{"type":"shape","id":"89b7481d-2306-4ceb-bc88-b53fe2467732","elementConfiguration":{"binding":"{{FormatDateTime(Form.Date, \"d. MMMM yyyy\")}}","visibility":"","type":"text","disableUpdates":false}},{"type":"shape","id":"54eaf89b-c0ba-454e-aa95-f2a5a3d7a424","elementConfiguration":{"binding":"{{Form.EventOccasion}}","visibility":"","type":"text","disableUpdates":false}},{"type":"shape","id":"c72566b6-73ed-4692-9fba-5f23b68a7622","elementConfiguration":{"binding":"{{UserProfile.Title}}","visibility":"","type":"text","disableUpdates":false}},{"type":"shape","id":"5b063b79-91a5-44ce-91a2-869730476bf3","elementConfiguration":{"binding":"{{UserProfile.Name}}","visibility":"","type":"text","disableUpdates":false}},{"type":"shape","id":"a5817dba-7b3d-4fbf-b45e-db8ec6629ff8","elementConfiguration":{"inheritDimensions":"{{InheritDimensions.InheritNone}}","width":"4.61 cm","height":"1.55 cm","image":"{{UserProfile.UnitId.ExtraLogoRef.ImageRightAlignedNegRef.ImageFile}}","visibility":"","type":"image","disableUpdates":false}},{"type":"shape","id":"cbc92628-71b2-45b2-b098-b979330785aa","elementConfiguration":{"binding":"{{UserProfile.UnitId.Logo2}}","visibility":"","type":"text","disableUpdates":false}},{"type":"shape","id":"1a377cfb-8908-4623-9a3e-88fa0eed2413","elementConfiguration":{"binding":"{{UserProfile.UnitId.Logo1PowerPoint}}","visibility":"","type":"text","disableUpdates":false}}],"transformationConfigurations":[{"language":"{{DocumentLanguage}}","disableUpdates":false,"type":"proofingLanguage"},{"colorTheme":"{{Form.ChooseColorTheme.ColorThemeRef.ColorTheme}}","disableUpdates":false,"originalColorThemeXml":"<a:clrScheme name=\"01 AU Blue\" xmlns:a=\"http://schemas.openxmlformats.org/drawingml/2006/main\"><a:dk1><a:srgbClr val=\"000000\" /></a:dk1><a:lt1><a:srgbClr val=\"FFFFFF\" /></a:lt1><a:dk2><a:srgbClr val=\"002546\" /></a:dk2><a:lt2><a:srgbClr val=\"002546\" /></a:lt2><a:accent1><a:srgbClr val=\"0A144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PowerPoint skabelon","templateDescription":"PowerPoint template 16:9 (convertible to 16:10 or 4:3)","enableDocumentContentUpdater":true,"version":"2.0"}]]></TemplafyTemplate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7B9EAB98422E15419E43E730A5DA87C8" ma:contentTypeVersion="30" ma:contentTypeDescription="Opret et nyt dokument." ma:contentTypeScope="" ma:versionID="c1cf334a98863117034d9b1104e0e3d9">
  <xsd:schema xmlns:xsd="http://www.w3.org/2001/XMLSchema" xmlns:xs="http://www.w3.org/2001/XMLSchema" xmlns:p="http://schemas.microsoft.com/office/2006/metadata/properties" xmlns:ns2="6a34f0fe-df07-497e-9535-651d82bdefd6" xmlns:ns3="6d651e2e-1345-4cf8-9e20-8b9e0e8e7139" targetNamespace="http://schemas.microsoft.com/office/2006/metadata/properties" ma:root="true" ma:fieldsID="5b26d7e7623952161e54956837d29f3d" ns2:_="" ns3:_="">
    <xsd:import namespace="6a34f0fe-df07-497e-9535-651d82bdefd6"/>
    <xsd:import namespace="6d651e2e-1345-4cf8-9e20-8b9e0e8e7139"/>
    <xsd:element name="properties">
      <xsd:complexType>
        <xsd:sequence>
          <xsd:element name="documentManagement">
            <xsd:complexType>
              <xsd:all>
                <xsd:element ref="ns2:Note" minOccurs="0"/>
                <xsd:element ref="ns2:MediaServiceMetadata" minOccurs="0"/>
                <xsd:element ref="ns2:MediaServiceFastMetadata" minOccurs="0"/>
                <xsd:element ref="ns2:MediaServiceObjectDetectorVersions" minOccurs="0"/>
                <xsd:element ref="ns3:TaxCatchAll" minOccurs="0"/>
                <xsd:element ref="ns2:MediaServiceSearchProperties" minOccurs="0"/>
                <xsd:element ref="ns2:TranslatedLang"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SharedWithUsers" minOccurs="0"/>
                <xsd:element ref="ns3:SharedWithDetails" minOccurs="0"/>
                <xsd:element ref="ns2:MediaServiceLocation" minOccurs="0"/>
                <xsd:element ref="ns2:MediaServiceOCR" minOccurs="0"/>
                <xsd:element ref="ns2:Placering" minOccurs="0"/>
                <xsd:element ref="ns2:d8d8a281-6959-4c95-8985-3ce084fc2632CountryOrRegion" minOccurs="0"/>
                <xsd:element ref="ns2:d8d8a281-6959-4c95-8985-3ce084fc2632State" minOccurs="0"/>
                <xsd:element ref="ns2:d8d8a281-6959-4c95-8985-3ce084fc2632City" minOccurs="0"/>
                <xsd:element ref="ns2:d8d8a281-6959-4c95-8985-3ce084fc2632PostalCode" minOccurs="0"/>
                <xsd:element ref="ns2:d8d8a281-6959-4c95-8985-3ce084fc2632Street" minOccurs="0"/>
                <xsd:element ref="ns2:d8d8a281-6959-4c95-8985-3ce084fc2632GeoLoc" minOccurs="0"/>
                <xsd:element ref="ns2:d8d8a281-6959-4c95-8985-3ce084fc2632DispNam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a34f0fe-df07-497e-9535-651d82bdefd6" elementFormDefault="qualified">
    <xsd:import namespace="http://schemas.microsoft.com/office/2006/documentManagement/types"/>
    <xsd:import namespace="http://schemas.microsoft.com/office/infopath/2007/PartnerControls"/>
    <xsd:element name="Note" ma:index="8" nillable="true" ma:displayName="Note" ma:format="Dropdown" ma:internalName="Note">
      <xsd:simpleType>
        <xsd:restriction base="dms:Note">
          <xsd:maxLength value="255"/>
        </xsd:restriction>
      </xsd:simpleType>
    </xsd:element>
    <xsd:element name="MediaServiceMetadata" ma:index="9" nillable="true" ma:displayName="MediaServiceMetadata" ma:hidden="true" ma:internalName="MediaServiceMetadata" ma:readOnly="true">
      <xsd:simpleType>
        <xsd:restriction base="dms:Note"/>
      </xsd:simpleType>
    </xsd:element>
    <xsd:element name="MediaServiceFastMetadata" ma:index="10" nillable="true" ma:displayName="MediaServiceFastMetadata" ma:hidden="true" ma:internalName="MediaServiceFastMetadata"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TranslatedLang" ma:index="14" nillable="true" ma:displayName="Translated Language" ma:hidden="true" ma:internalName="TranslatedLang" ma:readOnly="true">
      <xsd:simpleType>
        <xsd:restriction base="dms:Text"/>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Billedmærker" ma:readOnly="false" ma:fieldId="{5cf76f15-5ced-4ddc-b409-7134ff3c332f}" ma:taxonomyMulti="true" ma:sspId="5cd08861-88c0-49b2-8510-903f698cfa78" ma:termSetId="09814cd3-568e-fe90-9814-8d621ff8fb84" ma:anchorId="fba54fb3-c3e1-fe81-a776-ca4b69148c4d" ma:open="true" ma:isKeyword="false">
      <xsd:complexType>
        <xsd:sequence>
          <xsd:element ref="pc:Terms" minOccurs="0" maxOccurs="1"/>
        </xsd:sequence>
      </xsd:complexType>
    </xsd:element>
    <xsd:element name="MediaServiceLocation" ma:index="23" nillable="true" ma:displayName="Location" ma:description="" ma:indexed="true" ma:internalName="MediaServiceLocation" ma:readOnly="true">
      <xsd:simpleType>
        <xsd:restriction base="dms:Text"/>
      </xsd:simpleType>
    </xsd:element>
    <xsd:element name="MediaServiceOCR" ma:index="24" nillable="true" ma:displayName="Extracted Text" ma:internalName="MediaServiceOCR" ma:readOnly="true">
      <xsd:simpleType>
        <xsd:restriction base="dms:Note">
          <xsd:maxLength value="255"/>
        </xsd:restriction>
      </xsd:simpleType>
    </xsd:element>
    <xsd:element name="Placering" ma:index="25" nillable="true" ma:displayName="Placering" ma:format="Dropdown" ma:internalName="Placering">
      <xsd:simpleType>
        <xsd:restriction base="dms:Unknown"/>
      </xsd:simpleType>
    </xsd:element>
    <xsd:element name="d8d8a281-6959-4c95-8985-3ce084fc2632CountryOrRegion" ma:index="26" nillable="true" ma:displayName="Placering: Land/område" ma:internalName="CountryOrRegion" ma:readOnly="true">
      <xsd:simpleType>
        <xsd:restriction base="dms:Text"/>
      </xsd:simpleType>
    </xsd:element>
    <xsd:element name="d8d8a281-6959-4c95-8985-3ce084fc2632State" ma:index="27" nillable="true" ma:displayName="Placering: Delstat" ma:internalName="State" ma:readOnly="true">
      <xsd:simpleType>
        <xsd:restriction base="dms:Text"/>
      </xsd:simpleType>
    </xsd:element>
    <xsd:element name="d8d8a281-6959-4c95-8985-3ce084fc2632City" ma:index="28" nillable="true" ma:displayName="Placering: By" ma:internalName="City" ma:readOnly="true">
      <xsd:simpleType>
        <xsd:restriction base="dms:Text"/>
      </xsd:simpleType>
    </xsd:element>
    <xsd:element name="d8d8a281-6959-4c95-8985-3ce084fc2632PostalCode" ma:index="29" nillable="true" ma:displayName="Placering: Postnummer" ma:internalName="PostalCode" ma:readOnly="true">
      <xsd:simpleType>
        <xsd:restriction base="dms:Text"/>
      </xsd:simpleType>
    </xsd:element>
    <xsd:element name="d8d8a281-6959-4c95-8985-3ce084fc2632Street" ma:index="30" nillable="true" ma:displayName="Placering: Gade" ma:internalName="Street" ma:readOnly="true">
      <xsd:simpleType>
        <xsd:restriction base="dms:Text"/>
      </xsd:simpleType>
    </xsd:element>
    <xsd:element name="d8d8a281-6959-4c95-8985-3ce084fc2632GeoLoc" ma:index="31" nillable="true" ma:displayName="Placering: Koordinater" ma:internalName="GeoLoc" ma:readOnly="true">
      <xsd:simpleType>
        <xsd:restriction base="dms:Unknown"/>
      </xsd:simpleType>
    </xsd:element>
    <xsd:element name="d8d8a281-6959-4c95-8985-3ce084fc2632DispName" ma:index="32" nillable="true" ma:displayName="Placering: Navn" ma:internalName="DispNam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d651e2e-1345-4cf8-9e20-8b9e0e8e7139"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7c671a35-583b-4027-8eec-893cc958e117}" ma:internalName="TaxCatchAll" ma:showField="CatchAllData" ma:web="6d651e2e-1345-4cf8-9e20-8b9e0e8e7139">
      <xsd:complexType>
        <xsd:complexContent>
          <xsd:extension base="dms:MultiChoiceLookup">
            <xsd:sequence>
              <xsd:element name="Value" type="dms:Lookup" maxOccurs="unbounded" minOccurs="0" nillable="true"/>
            </xsd:sequence>
          </xsd:extension>
        </xsd:complexContent>
      </xsd:complexType>
    </xsd:element>
    <xsd:element name="SharedWithUsers" ma:index="2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BF598C6-59BB-4318-9353-C673F8C15FF6}">
  <ds:schemaRefs>
    <ds:schemaRef ds:uri="http://purl.org/dc/terms/"/>
    <ds:schemaRef ds:uri="6d651e2e-1345-4cf8-9e20-8b9e0e8e7139"/>
    <ds:schemaRef ds:uri="http://schemas.microsoft.com/office/infopath/2007/PartnerControls"/>
    <ds:schemaRef ds:uri="http://schemas.microsoft.com/office/2006/metadata/properties"/>
    <ds:schemaRef ds:uri="http://purl.org/dc/dcmitype/"/>
    <ds:schemaRef ds:uri="http://purl.org/dc/elements/1.1/"/>
    <ds:schemaRef ds:uri="http://schemas.microsoft.com/office/2006/documentManagement/types"/>
    <ds:schemaRef ds:uri="http://schemas.openxmlformats.org/package/2006/metadata/core-properties"/>
    <ds:schemaRef ds:uri="6a34f0fe-df07-497e-9535-651d82bdefd6"/>
    <ds:schemaRef ds:uri="http://www.w3.org/XML/1998/namespace"/>
  </ds:schemaRefs>
</ds:datastoreItem>
</file>

<file path=customXml/itemProps2.xml><?xml version="1.0" encoding="utf-8"?>
<ds:datastoreItem xmlns:ds="http://schemas.openxmlformats.org/officeDocument/2006/customXml" ds:itemID="{7DA86E9B-4135-4144-9EBF-FD9F3AFEC348}">
  <ds:schemaRefs/>
</ds:datastoreItem>
</file>

<file path=customXml/itemProps3.xml><?xml version="1.0" encoding="utf-8"?>
<ds:datastoreItem xmlns:ds="http://schemas.openxmlformats.org/officeDocument/2006/customXml" ds:itemID="{ECA32E36-6107-4B3E-8F87-B0CA51FDCA3B}">
  <ds:schemaRefs>
    <ds:schemaRef ds:uri="http://schemas.microsoft.com/sharepoint/v3/contenttype/forms"/>
  </ds:schemaRefs>
</ds:datastoreItem>
</file>

<file path=customXml/itemProps4.xml><?xml version="1.0" encoding="utf-8"?>
<ds:datastoreItem xmlns:ds="http://schemas.openxmlformats.org/officeDocument/2006/customXml" ds:itemID="{AFC86994-F0FF-421B-841D-005E37E2CB9C}">
  <ds:schemaRefs/>
</ds:datastoreItem>
</file>

<file path=customXml/itemProps5.xml><?xml version="1.0" encoding="utf-8"?>
<ds:datastoreItem xmlns:ds="http://schemas.openxmlformats.org/officeDocument/2006/customXml" ds:itemID="{AE1F3755-6C2B-4C18-804D-A022200FFF0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a34f0fe-df07-497e-9535-651d82bdefd6"/>
    <ds:schemaRef ds:uri="6d651e2e-1345-4cf8-9e20-8b9e0e8e713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otalTime>213</TotalTime>
  <Words>3439</Words>
  <Application>Microsoft Office PowerPoint</Application>
  <PresentationFormat>Custom</PresentationFormat>
  <Paragraphs>405</Paragraphs>
  <Slides>20</Slides>
  <Notes>20</Notes>
  <HiddenSlides>0</HiddenSlides>
  <MMClips>0</MMClips>
  <ScaleCrop>false</ScaleCrop>
  <HeadingPairs>
    <vt:vector size="6" baseType="variant">
      <vt:variant>
        <vt:lpstr>Fonts Used</vt:lpstr>
      </vt:variant>
      <vt:variant>
        <vt:i4>8</vt:i4>
      </vt:variant>
      <vt:variant>
        <vt:lpstr>Theme</vt:lpstr>
      </vt:variant>
      <vt:variant>
        <vt:i4>7</vt:i4>
      </vt:variant>
      <vt:variant>
        <vt:lpstr>Slide Titles</vt:lpstr>
      </vt:variant>
      <vt:variant>
        <vt:i4>20</vt:i4>
      </vt:variant>
    </vt:vector>
  </HeadingPairs>
  <TitlesOfParts>
    <vt:vector size="35" baseType="lpstr">
      <vt:lpstr>DM Sans</vt:lpstr>
      <vt:lpstr>Lato Light</vt:lpstr>
      <vt:lpstr>Calibri</vt:lpstr>
      <vt:lpstr>AU Passata</vt:lpstr>
      <vt:lpstr>Georgia</vt:lpstr>
      <vt:lpstr>AU Passata Light</vt:lpstr>
      <vt:lpstr>Arial</vt:lpstr>
      <vt:lpstr>AU Peto</vt:lpstr>
      <vt:lpstr>AU 16:9</vt:lpstr>
      <vt:lpstr>1_AU 16:9</vt:lpstr>
      <vt:lpstr>2_AU 16:9</vt:lpstr>
      <vt:lpstr>3_AU 16:9</vt:lpstr>
      <vt:lpstr>4_AU 16:9</vt:lpstr>
      <vt:lpstr>5_AU 16:9</vt:lpstr>
      <vt:lpstr>6_AU 16:9</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Laura Mikkelsen</dc:creator>
  <cp:lastModifiedBy>Sissel Ribberholt Justesen</cp:lastModifiedBy>
  <cp:revision>3</cp:revision>
  <dcterms:created xsi:type="dcterms:W3CDTF">2025-10-01T08:41:39Z</dcterms:created>
  <dcterms:modified xsi:type="dcterms:W3CDTF">2026-04-09T06:49: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colorthemechange">
    <vt:lpwstr>true</vt:lpwstr>
  </property>
  <property fmtid="{D5CDD505-2E9C-101B-9397-08002B2CF9AE}" pid="4" name="TemplafyTimeStamp">
    <vt:lpwstr>2023-11-01T07:55:28</vt:lpwstr>
  </property>
  <property fmtid="{D5CDD505-2E9C-101B-9397-08002B2CF9AE}" pid="5" name="TemplafyTenantId">
    <vt:lpwstr>auoffice</vt:lpwstr>
  </property>
  <property fmtid="{D5CDD505-2E9C-101B-9397-08002B2CF9AE}" pid="6" name="TemplafyTemplateId">
    <vt:lpwstr>766163489789838292</vt:lpwstr>
  </property>
  <property fmtid="{D5CDD505-2E9C-101B-9397-08002B2CF9AE}" pid="7" name="TemplafyUserProfileId">
    <vt:lpwstr>1213988578059878428</vt:lpwstr>
  </property>
  <property fmtid="{D5CDD505-2E9C-101B-9397-08002B2CF9AE}" pid="8" name="TemplafyLanguageCode">
    <vt:lpwstr>da-DK</vt:lpwstr>
  </property>
  <property fmtid="{D5CDD505-2E9C-101B-9397-08002B2CF9AE}" pid="9" name="TemplafyFromBlank">
    <vt:bool>false</vt:bool>
  </property>
  <property fmtid="{D5CDD505-2E9C-101B-9397-08002B2CF9AE}" pid="10" name="ContentTypeId">
    <vt:lpwstr>0x0101007B9EAB98422E15419E43E730A5DA87C8</vt:lpwstr>
  </property>
  <property fmtid="{D5CDD505-2E9C-101B-9397-08002B2CF9AE}" pid="11" name="MediaServiceImageTags">
    <vt:lpwstr/>
  </property>
</Properties>
</file>